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drawings/drawing1.xml" ContentType="application/vnd.openxmlformats-officedocument.drawingml.chartshapes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11.xml" ContentType="application/vnd.openxmlformats-officedocument.presentationml.notesSlid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notesSlides/notesSlide12.xml" ContentType="application/vnd.openxmlformats-officedocument.presentationml.notesSlid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changesInfos/changesInfo1.xml" ContentType="application/vnd.ms-powerpoint.changes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72" r:id="rId1"/>
  </p:sldMasterIdLst>
  <p:notesMasterIdLst>
    <p:notesMasterId r:id="rId16"/>
  </p:notesMasterIdLst>
  <p:sldIdLst>
    <p:sldId id="256" r:id="rId2"/>
    <p:sldId id="410" r:id="rId3"/>
    <p:sldId id="1941" r:id="rId4"/>
    <p:sldId id="1936" r:id="rId5"/>
    <p:sldId id="1949" r:id="rId6"/>
    <p:sldId id="1943" r:id="rId7"/>
    <p:sldId id="1946" r:id="rId8"/>
    <p:sldId id="1947" r:id="rId9"/>
    <p:sldId id="1954" r:id="rId10"/>
    <p:sldId id="1929" r:id="rId11"/>
    <p:sldId id="1945" r:id="rId12"/>
    <p:sldId id="1948" r:id="rId13"/>
    <p:sldId id="1953" r:id="rId14"/>
    <p:sldId id="1952" r:id="rId15"/>
  </p:sldIdLst>
  <p:sldSz cx="24382413" cy="13716000"/>
  <p:notesSz cx="6858000" cy="9144000"/>
  <p:defaultTextStyle>
    <a:defPPr>
      <a:defRPr lang="en-US"/>
    </a:defPPr>
    <a:lvl1pPr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1pPr>
    <a:lvl2pPr marL="912813" indent="-4556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2pPr>
    <a:lvl3pPr marL="1827213" indent="-9128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3pPr>
    <a:lvl4pPr marL="2741613" indent="-13700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4pPr>
    <a:lvl5pPr marL="3656013" indent="-18272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5pPr>
    <a:lvl6pPr marL="22860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6pPr>
    <a:lvl7pPr marL="27432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7pPr>
    <a:lvl8pPr marL="32004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8pPr>
    <a:lvl9pPr marL="36576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4297" userDrawn="1">
          <p15:clr>
            <a:srgbClr val="A4A3A4"/>
          </p15:clr>
        </p15:guide>
        <p15:guide id="2" pos="767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A6000E"/>
    <a:srgbClr val="76090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7419" autoAdjust="0"/>
    <p:restoredTop sz="71660" autoAdjust="0"/>
  </p:normalViewPr>
  <p:slideViewPr>
    <p:cSldViewPr snapToGrid="0" snapToObjects="1">
      <p:cViewPr varScale="1">
        <p:scale>
          <a:sx n="35" d="100"/>
          <a:sy n="35" d="100"/>
        </p:scale>
        <p:origin x="2012" y="60"/>
      </p:cViewPr>
      <p:guideLst>
        <p:guide orient="horz" pos="4297"/>
        <p:guide pos="7679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microsoft.com/office/2016/11/relationships/changesInfo" Target="changesInfos/changesInfo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Clare Ruan" userId="4ac95e28f469dc7c" providerId="LiveId" clId="{7E4731F6-751B-4006-86DD-1A172FF7E983}"/>
    <pc:docChg chg="undo custSel addSld delSld modSld">
      <pc:chgData name="Clare Ruan" userId="4ac95e28f469dc7c" providerId="LiveId" clId="{7E4731F6-751B-4006-86DD-1A172FF7E983}" dt="2023-02-01T23:53:26.521" v="105" actId="478"/>
      <pc:docMkLst>
        <pc:docMk/>
      </pc:docMkLst>
      <pc:sldChg chg="delSp modSp mod modClrScheme chgLayout modNotesTx">
        <pc:chgData name="Clare Ruan" userId="4ac95e28f469dc7c" providerId="LiveId" clId="{7E4731F6-751B-4006-86DD-1A172FF7E983}" dt="2023-02-01T03:56:56.890" v="104" actId="20577"/>
        <pc:sldMkLst>
          <pc:docMk/>
          <pc:sldMk cId="2399876736" sldId="256"/>
        </pc:sldMkLst>
        <pc:spChg chg="mod">
          <ac:chgData name="Clare Ruan" userId="4ac95e28f469dc7c" providerId="LiveId" clId="{7E4731F6-751B-4006-86DD-1A172FF7E983}" dt="2023-02-01T03:52:50.214" v="15" actId="20577"/>
          <ac:spMkLst>
            <pc:docMk/>
            <pc:sldMk cId="2399876736" sldId="256"/>
            <ac:spMk id="13" creationId="{014412B1-1923-6E47-9F73-CE848F6A1BDE}"/>
          </ac:spMkLst>
        </pc:spChg>
        <pc:picChg chg="del">
          <ac:chgData name="Clare Ruan" userId="4ac95e28f469dc7c" providerId="LiveId" clId="{7E4731F6-751B-4006-86DD-1A172FF7E983}" dt="2023-02-01T03:52:37.303" v="0" actId="478"/>
          <ac:picMkLst>
            <pc:docMk/>
            <pc:sldMk cId="2399876736" sldId="256"/>
            <ac:picMk id="6" creationId="{180F7497-AF9E-4DA9-B380-5EB65D5442AC}"/>
          </ac:picMkLst>
        </pc:picChg>
      </pc:sldChg>
      <pc:sldChg chg="mod modClrScheme chgLayout modNotesTx">
        <pc:chgData name="Clare Ruan" userId="4ac95e28f469dc7c" providerId="LiveId" clId="{7E4731F6-751B-4006-86DD-1A172FF7E983}" dt="2023-02-01T03:54:11.298" v="35" actId="6549"/>
        <pc:sldMkLst>
          <pc:docMk/>
          <pc:sldMk cId="1898883145" sldId="410"/>
        </pc:sldMkLst>
      </pc:sldChg>
      <pc:sldChg chg="modSp mod modClrScheme chgLayout modNotesTx">
        <pc:chgData name="Clare Ruan" userId="4ac95e28f469dc7c" providerId="LiveId" clId="{7E4731F6-751B-4006-86DD-1A172FF7E983}" dt="2023-02-01T03:56:34.471" v="100" actId="700"/>
        <pc:sldMkLst>
          <pc:docMk/>
          <pc:sldMk cId="446875100" sldId="1929"/>
        </pc:sldMkLst>
        <pc:spChg chg="mod">
          <ac:chgData name="Clare Ruan" userId="4ac95e28f469dc7c" providerId="LiveId" clId="{7E4731F6-751B-4006-86DD-1A172FF7E983}" dt="2023-02-01T03:55:41.809" v="94" actId="20577"/>
          <ac:spMkLst>
            <pc:docMk/>
            <pc:sldMk cId="446875100" sldId="1929"/>
            <ac:spMk id="3" creationId="{A9E086BD-BDE2-46A9-8D9A-AD4F4CDD4DCE}"/>
          </ac:spMkLst>
        </pc:spChg>
      </pc:sldChg>
      <pc:sldChg chg="modSp mod modClrScheme chgLayout modNotesTx">
        <pc:chgData name="Clare Ruan" userId="4ac95e28f469dc7c" providerId="LiveId" clId="{7E4731F6-751B-4006-86DD-1A172FF7E983}" dt="2023-02-01T03:55:22.764" v="82" actId="20577"/>
        <pc:sldMkLst>
          <pc:docMk/>
          <pc:sldMk cId="2501866909" sldId="1936"/>
        </pc:sldMkLst>
        <pc:spChg chg="mod">
          <ac:chgData name="Clare Ruan" userId="4ac95e28f469dc7c" providerId="LiveId" clId="{7E4731F6-751B-4006-86DD-1A172FF7E983}" dt="2023-02-01T03:55:22.764" v="82" actId="20577"/>
          <ac:spMkLst>
            <pc:docMk/>
            <pc:sldMk cId="2501866909" sldId="1936"/>
            <ac:spMk id="6" creationId="{0943544A-215A-467B-A6C4-BB46D81F55E0}"/>
          </ac:spMkLst>
        </pc:spChg>
        <pc:graphicFrameChg chg="modGraphic">
          <ac:chgData name="Clare Ruan" userId="4ac95e28f469dc7c" providerId="LiveId" clId="{7E4731F6-751B-4006-86DD-1A172FF7E983}" dt="2023-02-01T03:55:09.736" v="67" actId="20577"/>
          <ac:graphicFrameMkLst>
            <pc:docMk/>
            <pc:sldMk cId="2501866909" sldId="1936"/>
            <ac:graphicFrameMk id="5" creationId="{3EDF7BAF-E80C-4763-9570-F4D971B758EA}"/>
          </ac:graphicFrameMkLst>
        </pc:graphicFrameChg>
      </pc:sldChg>
      <pc:sldChg chg="modSp mod modClrScheme chgLayout modNotesTx">
        <pc:chgData name="Clare Ruan" userId="4ac95e28f469dc7c" providerId="LiveId" clId="{7E4731F6-751B-4006-86DD-1A172FF7E983}" dt="2023-02-01T03:54:53.302" v="51" actId="20577"/>
        <pc:sldMkLst>
          <pc:docMk/>
          <pc:sldMk cId="164469653" sldId="1941"/>
        </pc:sldMkLst>
        <pc:spChg chg="mod">
          <ac:chgData name="Clare Ruan" userId="4ac95e28f469dc7c" providerId="LiveId" clId="{7E4731F6-751B-4006-86DD-1A172FF7E983}" dt="2023-02-01T03:54:53.302" v="51" actId="20577"/>
          <ac:spMkLst>
            <pc:docMk/>
            <pc:sldMk cId="164469653" sldId="1941"/>
            <ac:spMk id="35" creationId="{CDB2C3CB-B304-4678-9433-914F69E8127A}"/>
          </ac:spMkLst>
        </pc:spChg>
        <pc:spChg chg="mod">
          <ac:chgData name="Clare Ruan" userId="4ac95e28f469dc7c" providerId="LiveId" clId="{7E4731F6-751B-4006-86DD-1A172FF7E983}" dt="2023-02-01T03:54:47.894" v="47" actId="20577"/>
          <ac:spMkLst>
            <pc:docMk/>
            <pc:sldMk cId="164469653" sldId="1941"/>
            <ac:spMk id="41" creationId="{9B36DCF4-F988-4F47-8BD2-7839A6379570}"/>
          </ac:spMkLst>
        </pc:spChg>
      </pc:sldChg>
      <pc:sldChg chg="mod modClrScheme chgLayout modNotesTx">
        <pc:chgData name="Clare Ruan" userId="4ac95e28f469dc7c" providerId="LiveId" clId="{7E4731F6-751B-4006-86DD-1A172FF7E983}" dt="2023-02-01T03:56:15.187" v="96" actId="700"/>
        <pc:sldMkLst>
          <pc:docMk/>
          <pc:sldMk cId="3654430621" sldId="1943"/>
        </pc:sldMkLst>
      </pc:sldChg>
      <pc:sldChg chg="mod modClrScheme chgLayout modNotesTx">
        <pc:chgData name="Clare Ruan" userId="4ac95e28f469dc7c" providerId="LiveId" clId="{7E4731F6-751B-4006-86DD-1A172FF7E983}" dt="2023-02-01T03:56:38.511" v="101" actId="700"/>
        <pc:sldMkLst>
          <pc:docMk/>
          <pc:sldMk cId="813857424" sldId="1945"/>
        </pc:sldMkLst>
      </pc:sldChg>
      <pc:sldChg chg="mod modClrScheme chgLayout modNotesTx">
        <pc:chgData name="Clare Ruan" userId="4ac95e28f469dc7c" providerId="LiveId" clId="{7E4731F6-751B-4006-86DD-1A172FF7E983}" dt="2023-02-01T03:56:21.716" v="97" actId="700"/>
        <pc:sldMkLst>
          <pc:docMk/>
          <pc:sldMk cId="2679333130" sldId="1946"/>
        </pc:sldMkLst>
      </pc:sldChg>
      <pc:sldChg chg="mod modClrScheme chgLayout modNotesTx">
        <pc:chgData name="Clare Ruan" userId="4ac95e28f469dc7c" providerId="LiveId" clId="{7E4731F6-751B-4006-86DD-1A172FF7E983}" dt="2023-02-01T03:56:26.860" v="98" actId="700"/>
        <pc:sldMkLst>
          <pc:docMk/>
          <pc:sldMk cId="1357433887" sldId="1947"/>
        </pc:sldMkLst>
      </pc:sldChg>
      <pc:sldChg chg="mod modClrScheme chgLayout modNotesTx">
        <pc:chgData name="Clare Ruan" userId="4ac95e28f469dc7c" providerId="LiveId" clId="{7E4731F6-751B-4006-86DD-1A172FF7E983}" dt="2023-02-01T03:56:41.699" v="102" actId="700"/>
        <pc:sldMkLst>
          <pc:docMk/>
          <pc:sldMk cId="306875044" sldId="1948"/>
        </pc:sldMkLst>
      </pc:sldChg>
      <pc:sldChg chg="modSp mod modClrScheme chgLayout modNotesTx">
        <pc:chgData name="Clare Ruan" userId="4ac95e28f469dc7c" providerId="LiveId" clId="{7E4731F6-751B-4006-86DD-1A172FF7E983}" dt="2023-02-01T03:56:09.707" v="95" actId="700"/>
        <pc:sldMkLst>
          <pc:docMk/>
          <pc:sldMk cId="164452679" sldId="1949"/>
        </pc:sldMkLst>
        <pc:spChg chg="mod">
          <ac:chgData name="Clare Ruan" userId="4ac95e28f469dc7c" providerId="LiveId" clId="{7E4731F6-751B-4006-86DD-1A172FF7E983}" dt="2023-02-01T03:55:30.860" v="88" actId="20577"/>
          <ac:spMkLst>
            <pc:docMk/>
            <pc:sldMk cId="164452679" sldId="1949"/>
            <ac:spMk id="6" creationId="{0943544A-215A-467B-A6C4-BB46D81F55E0}"/>
          </ac:spMkLst>
        </pc:spChg>
        <pc:spChg chg="mod">
          <ac:chgData name="Clare Ruan" userId="4ac95e28f469dc7c" providerId="LiveId" clId="{7E4731F6-751B-4006-86DD-1A172FF7E983}" dt="2023-02-01T03:54:28.532" v="41" actId="20577"/>
          <ac:spMkLst>
            <pc:docMk/>
            <pc:sldMk cId="164452679" sldId="1949"/>
            <ac:spMk id="12" creationId="{B39C096F-04DB-45B1-B461-204BE9728584}"/>
          </ac:spMkLst>
        </pc:spChg>
        <pc:graphicFrameChg chg="modGraphic">
          <ac:chgData name="Clare Ruan" userId="4ac95e28f469dc7c" providerId="LiveId" clId="{7E4731F6-751B-4006-86DD-1A172FF7E983}" dt="2023-02-01T03:55:35.794" v="91" actId="20577"/>
          <ac:graphicFrameMkLst>
            <pc:docMk/>
            <pc:sldMk cId="164452679" sldId="1949"/>
            <ac:graphicFrameMk id="4" creationId="{9905727B-C15B-40CD-B74C-57510CAD6936}"/>
          </ac:graphicFrameMkLst>
        </pc:graphicFrameChg>
      </pc:sldChg>
      <pc:sldChg chg="delSp mod">
        <pc:chgData name="Clare Ruan" userId="4ac95e28f469dc7c" providerId="LiveId" clId="{7E4731F6-751B-4006-86DD-1A172FF7E983}" dt="2023-02-01T23:53:26.521" v="105" actId="478"/>
        <pc:sldMkLst>
          <pc:docMk/>
          <pc:sldMk cId="555434161" sldId="1952"/>
        </pc:sldMkLst>
        <pc:picChg chg="del">
          <ac:chgData name="Clare Ruan" userId="4ac95e28f469dc7c" providerId="LiveId" clId="{7E4731F6-751B-4006-86DD-1A172FF7E983}" dt="2023-02-01T23:53:26.521" v="105" actId="478"/>
          <ac:picMkLst>
            <pc:docMk/>
            <pc:sldMk cId="555434161" sldId="1952"/>
            <ac:picMk id="6" creationId="{180F7497-AF9E-4DA9-B380-5EB65D5442AC}"/>
          </ac:picMkLst>
        </pc:picChg>
      </pc:sldChg>
      <pc:sldChg chg="mod modClrScheme chgLayout modNotesTx">
        <pc:chgData name="Clare Ruan" userId="4ac95e28f469dc7c" providerId="LiveId" clId="{7E4731F6-751B-4006-86DD-1A172FF7E983}" dt="2023-02-01T03:56:45.759" v="103" actId="700"/>
        <pc:sldMkLst>
          <pc:docMk/>
          <pc:sldMk cId="4051675926" sldId="1953"/>
        </pc:sldMkLst>
      </pc:sldChg>
      <pc:sldChg chg="mod modClrScheme chgLayout modNotesTx">
        <pc:chgData name="Clare Ruan" userId="4ac95e28f469dc7c" providerId="LiveId" clId="{7E4731F6-751B-4006-86DD-1A172FF7E983}" dt="2023-02-01T03:56:30.378" v="99" actId="700"/>
        <pc:sldMkLst>
          <pc:docMk/>
          <pc:sldMk cId="2622786250" sldId="1954"/>
        </pc:sldMkLst>
      </pc:sldChg>
      <pc:sldChg chg="new del">
        <pc:chgData name="Clare Ruan" userId="4ac95e28f469dc7c" providerId="LiveId" clId="{7E4731F6-751B-4006-86DD-1A172FF7E983}" dt="2023-02-01T03:52:55.437" v="17" actId="47"/>
        <pc:sldMkLst>
          <pc:docMk/>
          <pc:sldMk cId="4039269438" sldId="1955"/>
        </pc:sldMkLst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08_Incentive%20Cost%20Actual%20vs%20Target.xlsx" TargetMode="Externa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chartUserShapes" Target="../drawings/drawing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Slide%20Executive%20Summary\Slide%20Executive%20Summary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0_compare%20on%20client%20assets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0_compare%20on%20client%20assets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1_Compare%20Incentive%20cost_all%20camp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8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r>
              <a:rPr lang="en-US" dirty="0"/>
              <a:t>Planned Cost</a:t>
            </a:r>
            <a:r>
              <a:rPr lang="en-US" baseline="0" dirty="0"/>
              <a:t> </a:t>
            </a:r>
            <a:r>
              <a:rPr lang="en-US" dirty="0"/>
              <a:t>vs Actual</a:t>
            </a:r>
            <a:r>
              <a:rPr lang="en-US" baseline="0" dirty="0"/>
              <a:t> Cost</a:t>
            </a:r>
            <a:endParaRPr lang="en-US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8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830355521479706"/>
          <c:y val="0.20153986434293367"/>
          <c:w val="0.6261613399384629"/>
          <c:h val="0.70225693952978041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lide!$A$2</c:f>
              <c:strCache>
                <c:ptCount val="1"/>
                <c:pt idx="0">
                  <c:v>Incentive Cost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delete val="1"/>
          </c:dLbls>
          <c:cat>
            <c:strRef>
              <c:f>Slide!$B$1:$C$1</c:f>
              <c:strCache>
                <c:ptCount val="2"/>
                <c:pt idx="0">
                  <c:v>Planned</c:v>
                </c:pt>
                <c:pt idx="1">
                  <c:v>Actual</c:v>
                </c:pt>
              </c:strCache>
            </c:strRef>
          </c:cat>
          <c:val>
            <c:numRef>
              <c:f>Slide!$B$2:$C$2</c:f>
              <c:numCache>
                <c:formatCode>#,##0</c:formatCode>
                <c:ptCount val="2"/>
                <c:pt idx="0">
                  <c:v>876</c:v>
                </c:pt>
                <c:pt idx="1">
                  <c:v>13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436-4E99-B618-3D940E995F04}"/>
            </c:ext>
          </c:extLst>
        </c:ser>
        <c:dLbls>
          <c:dLblPos val="inBase"/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982761536"/>
        <c:axId val="982765472"/>
      </c:barChart>
      <c:lineChart>
        <c:grouping val="standard"/>
        <c:varyColors val="0"/>
        <c:ser>
          <c:idx val="1"/>
          <c:order val="1"/>
          <c:tx>
            <c:strRef>
              <c:f>Slide!$A$3</c:f>
              <c:strCache>
                <c:ptCount val="1"/>
                <c:pt idx="0">
                  <c:v>Qualified Clients</c:v>
                </c:pt>
              </c:strCache>
            </c:strRef>
          </c:tx>
          <c:spPr>
            <a:ln w="5715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dLbls>
            <c:delete val="1"/>
          </c:dLbls>
          <c:cat>
            <c:strRef>
              <c:f>Slide!$B$1:$C$1</c:f>
              <c:strCache>
                <c:ptCount val="2"/>
                <c:pt idx="0">
                  <c:v>Planned</c:v>
                </c:pt>
                <c:pt idx="1">
                  <c:v>Actual</c:v>
                </c:pt>
              </c:strCache>
            </c:strRef>
          </c:cat>
          <c:val>
            <c:numRef>
              <c:f>Slide!$B$3:$C$3</c:f>
              <c:numCache>
                <c:formatCode>#,##0</c:formatCode>
                <c:ptCount val="2"/>
                <c:pt idx="0">
                  <c:v>5186</c:v>
                </c:pt>
                <c:pt idx="1">
                  <c:v>629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436-4E99-B618-3D940E995F04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982764160"/>
        <c:axId val="982763832"/>
      </c:lineChart>
      <c:catAx>
        <c:axId val="9827615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5472"/>
        <c:crosses val="autoZero"/>
        <c:auto val="1"/>
        <c:lblAlgn val="ctr"/>
        <c:lblOffset val="100"/>
        <c:noMultiLvlLbl val="0"/>
      </c:catAx>
      <c:valAx>
        <c:axId val="982765472"/>
        <c:scaling>
          <c:orientation val="minMax"/>
          <c:max val="16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Incentive Cost (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1536"/>
        <c:crosses val="autoZero"/>
        <c:crossBetween val="between"/>
      </c:valAx>
      <c:valAx>
        <c:axId val="982763832"/>
        <c:scaling>
          <c:orientation val="minMax"/>
          <c:max val="8000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4160"/>
        <c:crosses val="max"/>
        <c:crossBetween val="between"/>
      </c:valAx>
      <c:catAx>
        <c:axId val="98276416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982763832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4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  <c:userShapes r:id="rId4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Enrolled Clients</c:v>
                </c:pt>
              </c:strCache>
            </c:strRef>
          </c:tx>
          <c:spPr>
            <a:solidFill>
              <a:schemeClr val="bg1">
                <a:lumMod val="65000"/>
              </a:scheme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B$2:$B$5</c:f>
              <c:numCache>
                <c:formatCode>General</c:formatCode>
                <c:ptCount val="4"/>
                <c:pt idx="0">
                  <c:v>7755</c:v>
                </c:pt>
                <c:pt idx="1">
                  <c:v>4520</c:v>
                </c:pt>
                <c:pt idx="2">
                  <c:v>5838</c:v>
                </c:pt>
                <c:pt idx="3">
                  <c:v>135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FD5-4C04-BF17-8429A6815FC6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Qualified Clients</c:v>
                </c:pt>
              </c:strCache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C$2:$C$5</c:f>
              <c:numCache>
                <c:formatCode>General</c:formatCode>
                <c:ptCount val="4"/>
                <c:pt idx="0">
                  <c:v>1891</c:v>
                </c:pt>
                <c:pt idx="1">
                  <c:v>1977</c:v>
                </c:pt>
                <c:pt idx="2">
                  <c:v>3313</c:v>
                </c:pt>
                <c:pt idx="3">
                  <c:v>629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FD5-4C04-BF17-8429A6815F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2"/>
        <c:axId val="1168412632"/>
        <c:axId val="1168413944"/>
        <c:extLst>
          <c:ext xmlns:c15="http://schemas.microsoft.com/office/drawing/2012/chart" uri="{02D57815-91ED-43cb-92C2-25804820EDAC}">
            <c15:filteredBarSeries>
              <c15:ser>
                <c:idx val="3"/>
                <c:order val="3"/>
                <c:tx>
                  <c:strRef>
                    <c:extLst>
                      <c:ext uri="{02D57815-91ED-43cb-92C2-25804820EDAC}">
                        <c15:formulaRef>
                          <c15:sqref>Sheet1!$E$1</c15:sqref>
                        </c15:formulaRef>
                      </c:ext>
                    </c:extLst>
                    <c:strCache>
                      <c:ptCount val="1"/>
                      <c:pt idx="0">
                        <c:v>Qualified %</c:v>
                      </c:pt>
                    </c:strCache>
                  </c:strRef>
                </c:tx>
                <c:spPr>
                  <a:solidFill>
                    <a:schemeClr val="accent4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>
                      <c:ext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Sheet1!$E$2:$E$5</c15:sqref>
                        </c15:formulaRef>
                      </c:ext>
                    </c:extLst>
                    <c:numCache>
                      <c:formatCode>0%</c:formatCode>
                      <c:ptCount val="4"/>
                      <c:pt idx="0">
                        <c:v>0.24</c:v>
                      </c:pt>
                      <c:pt idx="1">
                        <c:v>0.44</c:v>
                      </c:pt>
                      <c:pt idx="2">
                        <c:v>0.56748886605001714</c:v>
                      </c:pt>
                      <c:pt idx="3">
                        <c:v>0.463772388884794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4-4FD5-4C04-BF17-8429A6815FC6}"/>
                  </c:ext>
                </c:extLst>
              </c15:ser>
            </c15:filteredBarSeries>
            <c15:filteredBar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G$1</c15:sqref>
                        </c15:formulaRef>
                      </c:ext>
                    </c:extLst>
                    <c:strCache>
                      <c:ptCount val="1"/>
                      <c:pt idx="0">
                        <c:v>Assets per Qualified Client
($ M)</c:v>
                      </c:pt>
                    </c:strCache>
                  </c:strRef>
                </c:tx>
                <c:spPr>
                  <a:solidFill>
                    <a:schemeClr val="accent6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G$2:$G$5</c15:sqref>
                        </c15:formulaRef>
                      </c:ext>
                    </c:extLst>
                    <c:numCache>
                      <c:formatCode>General</c:formatCode>
                      <c:ptCount val="4"/>
                      <c:pt idx="0">
                        <c:v>167</c:v>
                      </c:pt>
                      <c:pt idx="1">
                        <c:v>167</c:v>
                      </c:pt>
                      <c:pt idx="2" formatCode="0">
                        <c:v>130.69725324479325</c:v>
                      </c:pt>
                      <c:pt idx="3">
                        <c:v>89</c:v>
                      </c:pt>
                    </c:numCache>
                  </c:numRef>
                </c:val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5-4FD5-4C04-BF17-8429A6815FC6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168412632"/>
        <c:axId val="1168413944"/>
        <c:extLst>
          <c:ext xmlns:c15="http://schemas.microsoft.com/office/drawing/2012/chart" uri="{02D57815-91ED-43cb-92C2-25804820EDAC}">
            <c15:filteredLineSeries>
              <c15:ser>
                <c:idx val="2"/>
                <c:order val="2"/>
                <c:tx>
                  <c:strRef>
                    <c:extLst>
                      <c:ext uri="{02D57815-91ED-43cb-92C2-25804820EDAC}">
                        <c15:formulaRef>
                          <c15:sqref>Sheet1!$D$1</c15:sqref>
                        </c15:formulaRef>
                      </c:ext>
                    </c:extLst>
                    <c:strCache>
                      <c:ptCount val="1"/>
                      <c:pt idx="0">
                        <c:v>New Accts
from Qualified 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>
                      <c:ext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Sheet1!$D$2:$D$5</c15:sqref>
                        </c15:formulaRef>
                      </c:ext>
                    </c:extLst>
                    <c:numCache>
                      <c:formatCode>General</c:formatCode>
                      <c:ptCount val="4"/>
                      <c:pt idx="0">
                        <c:v>3350</c:v>
                      </c:pt>
                      <c:pt idx="1">
                        <c:v>2835</c:v>
                      </c:pt>
                      <c:pt idx="2">
                        <c:v>3965</c:v>
                      </c:pt>
                      <c:pt idx="3">
                        <c:v>7999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03-4FD5-4C04-BF17-8429A6815FC6}"/>
                  </c:ext>
                </c:extLst>
              </c15:ser>
            </c15:filteredLineSeries>
          </c:ext>
        </c:extLst>
      </c:lineChart>
      <c:lineChart>
        <c:grouping val="standard"/>
        <c:varyColors val="0"/>
        <c:ser>
          <c:idx val="4"/>
          <c:order val="4"/>
          <c:tx>
            <c:strRef>
              <c:f>Sheet1!$F$1</c:f>
              <c:strCache>
                <c:ptCount val="1"/>
                <c:pt idx="0">
                  <c:v>Qualified Assets
($ MM)</c:v>
                </c:pt>
              </c:strCache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spPr>
              <a:solidFill>
                <a:srgbClr val="333333"/>
              </a:solidFill>
              <a:ln>
                <a:solidFill>
                  <a:srgbClr val="333333">
                    <a:lumMod val="25000"/>
                    <a:lumOff val="75000"/>
                  </a:srgb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F$2:$F$5</c:f>
              <c:numCache>
                <c:formatCode>"$"#,##0</c:formatCode>
                <c:ptCount val="4"/>
                <c:pt idx="0">
                  <c:v>317</c:v>
                </c:pt>
                <c:pt idx="1">
                  <c:v>328</c:v>
                </c:pt>
                <c:pt idx="2">
                  <c:v>433</c:v>
                </c:pt>
                <c:pt idx="3">
                  <c:v>56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FD5-4C04-BF17-8429A6815F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92074344"/>
        <c:axId val="1092069424"/>
      </c:lineChart>
      <c:catAx>
        <c:axId val="11684126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168413944"/>
        <c:crosses val="autoZero"/>
        <c:auto val="1"/>
        <c:lblAlgn val="ctr"/>
        <c:lblOffset val="100"/>
        <c:noMultiLvlLbl val="0"/>
      </c:catAx>
      <c:valAx>
        <c:axId val="11684139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Client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168412632"/>
        <c:crosses val="autoZero"/>
        <c:crossBetween val="between"/>
      </c:valAx>
      <c:valAx>
        <c:axId val="1092069424"/>
        <c:scaling>
          <c:orientation val="minMax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Assets($</a:t>
                </a:r>
                <a:r>
                  <a:rPr lang="en-CA" baseline="0" dirty="0"/>
                  <a:t> MM)</a:t>
                </a:r>
              </a:p>
            </c:rich>
          </c:tx>
          <c:layout>
            <c:manualLayout>
              <c:xMode val="edge"/>
              <c:yMode val="edge"/>
              <c:x val="0.9568925512517118"/>
              <c:y val="0.3451508863337963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092074344"/>
        <c:crosses val="max"/>
        <c:crossBetween val="between"/>
      </c:valAx>
      <c:catAx>
        <c:axId val="109207434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092069424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r>
              <a:rPr lang="en-CA" b="1" dirty="0"/>
              <a:t>Acquisition</a:t>
            </a:r>
          </a:p>
        </c:rich>
      </c:tx>
      <c:layout>
        <c:manualLayout>
          <c:xMode val="edge"/>
          <c:yMode val="edge"/>
          <c:x val="0.43132025094306636"/>
          <c:y val="7.633284343530033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Scotia" panose="020B05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21379619892790269"/>
          <c:y val="0.13707397526908807"/>
          <c:w val="0.65618661316207239"/>
          <c:h val="0.46222026114139048"/>
        </c:manualLayout>
      </c:layout>
      <c:barChart>
        <c:barDir val="col"/>
        <c:grouping val="stacked"/>
        <c:varyColors val="0"/>
        <c:ser>
          <c:idx val="3"/>
          <c:order val="3"/>
          <c:tx>
            <c:strRef>
              <c:f>'slide 11'!$E$1</c:f>
              <c:strCache>
                <c:ptCount val="1"/>
                <c:pt idx="0">
                  <c:v>Acquisition
Assets
($ MM)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rgbClr val="FF0000"/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</c:strRef>
          </c:cat>
          <c:val>
            <c:numRef>
              <c:f>'slide 11'!$E$2:$E$7</c:f>
              <c:numCache>
                <c:formatCode>"$"#,##0</c:formatCode>
                <c:ptCount val="6"/>
                <c:pt idx="0">
                  <c:v>143</c:v>
                </c:pt>
                <c:pt idx="1">
                  <c:v>210</c:v>
                </c:pt>
                <c:pt idx="2">
                  <c:v>274</c:v>
                </c:pt>
                <c:pt idx="3">
                  <c:v>146</c:v>
                </c:pt>
                <c:pt idx="4">
                  <c:v>254</c:v>
                </c:pt>
                <c:pt idx="5">
                  <c:v>4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DDF-4255-B249-5956F44A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093432144"/>
        <c:axId val="2093431816"/>
        <c:extLst>
          <c:ext xmlns:c15="http://schemas.microsoft.com/office/drawing/2012/chart" uri="{02D57815-91ED-43cb-92C2-25804820EDAC}">
            <c15:filteredBarSeries>
              <c15:ser>
                <c:idx val="4"/>
                <c:order val="4"/>
                <c:tx>
                  <c:strRef>
                    <c:extLst>
                      <c:ext uri="{02D57815-91ED-43cb-92C2-25804820EDAC}">
                        <c15:formulaRef>
                          <c15:sqref>'slide 11'!$F$1</c15:sqref>
                        </c15:formulaRef>
                      </c:ext>
                    </c:extLst>
                    <c:strCache>
                      <c:ptCount val="1"/>
                      <c:pt idx="0">
                        <c:v>Lifecycle
Assets
($ MM)</c:v>
                      </c:pt>
                    </c:strCache>
                  </c:strRef>
                </c:tx>
                <c:spPr>
                  <a:solidFill>
                    <a:srgbClr val="FF0000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F$2:$F$7</c15:sqref>
                        </c15:formulaRef>
                      </c:ext>
                    </c:extLst>
                    <c:numCache>
                      <c:formatCode>"$"#,##0</c:formatCode>
                      <c:ptCount val="6"/>
                      <c:pt idx="0">
                        <c:v>88</c:v>
                      </c:pt>
                      <c:pt idx="1">
                        <c:v>117</c:v>
                      </c:pt>
                      <c:pt idx="2">
                        <c:v>43</c:v>
                      </c:pt>
                      <c:pt idx="3">
                        <c:v>182</c:v>
                      </c:pt>
                      <c:pt idx="4">
                        <c:v>179</c:v>
                      </c:pt>
                      <c:pt idx="5">
                        <c:v>160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A-DDDF-4255-B249-5956F44A1CB9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0"/>
          <c:order val="0"/>
          <c:tx>
            <c:strRef>
              <c:f>'slide 11'!$B$1</c:f>
              <c:strCache>
                <c:ptCount val="1"/>
                <c:pt idx="0">
                  <c:v>Acquisition
Clients</c:v>
                </c:pt>
              </c:strCache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-1.1846336341401831E-3"/>
                  <c:y val="-9.588605345900390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DDDF-4255-B249-5956F44A1CB9}"/>
                </c:ext>
              </c:extLst>
            </c:dLbl>
            <c:dLbl>
              <c:idx val="1"/>
              <c:layout>
                <c:manualLayout>
                  <c:x val="1.0297026502447853E-2"/>
                  <c:y val="-9.2176965794202495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DDDF-4255-B249-5956F44A1CB9}"/>
                </c:ext>
              </c:extLst>
            </c:dLbl>
            <c:dLbl>
              <c:idx val="2"/>
              <c:layout>
                <c:manualLayout>
                  <c:x val="1.6528226393447247E-2"/>
                  <c:y val="-5.853778081661360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DDDF-4255-B249-5956F44A1CB9}"/>
                </c:ext>
              </c:extLst>
            </c:dLbl>
            <c:dLbl>
              <c:idx val="3"/>
              <c:layout>
                <c:manualLayout>
                  <c:x val="1.8222224334209279E-3"/>
                  <c:y val="-9.948186088389436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DDDF-4255-B249-5956F44A1CB9}"/>
                </c:ext>
              </c:extLst>
            </c:dLbl>
            <c:dLbl>
              <c:idx val="4"/>
              <c:layout>
                <c:manualLayout>
                  <c:x val="-1.6432966013616865E-2"/>
                  <c:y val="-0.13099497547476724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DDDF-4255-B249-5956F44A1CB9}"/>
                </c:ext>
              </c:extLst>
            </c:dLbl>
            <c:dLbl>
              <c:idx val="5"/>
              <c:layout>
                <c:manualLayout>
                  <c:x val="-6.8553353580998819E-3"/>
                  <c:y val="-8.150874776570676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DDDF-4255-B249-5956F44A1CB9}"/>
                </c:ext>
              </c:extLst>
            </c:dLbl>
            <c:spPr>
              <a:solidFill>
                <a:sysClr val="windowText" lastClr="000000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</c:strRef>
          </c:cat>
          <c:val>
            <c:numRef>
              <c:f>'slide 11'!$B$2:$B$7</c:f>
              <c:numCache>
                <c:formatCode>General</c:formatCode>
                <c:ptCount val="6"/>
                <c:pt idx="0">
                  <c:v>1003</c:v>
                </c:pt>
                <c:pt idx="1">
                  <c:v>1288</c:v>
                </c:pt>
                <c:pt idx="2">
                  <c:v>1625</c:v>
                </c:pt>
                <c:pt idx="3">
                  <c:v>817</c:v>
                </c:pt>
                <c:pt idx="4">
                  <c:v>1799</c:v>
                </c:pt>
                <c:pt idx="5">
                  <c:v>40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DDDF-4255-B249-5956F44A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32750680"/>
        <c:axId val="2032749040"/>
        <c:extLst>
          <c:ext xmlns:c15="http://schemas.microsoft.com/office/drawing/2012/chart" uri="{02D57815-91ED-43cb-92C2-25804820EDAC}">
            <c15:filteredLineSeries>
              <c15:ser>
                <c:idx val="1"/>
                <c:order val="1"/>
                <c:tx>
                  <c:strRef>
                    <c:extLst>
                      <c:ext uri="{02D57815-91ED-43cb-92C2-25804820EDAC}">
                        <c15:formulaRef>
                          <c15:sqref>'slide 11'!$C$1</c15:sqref>
                        </c15:formulaRef>
                      </c:ext>
                    </c:extLst>
                    <c:strCache>
                      <c:ptCount val="1"/>
                      <c:pt idx="0">
                        <c:v>Lifecycle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2">
                        <a:lumMod val="60000"/>
                        <a:lumOff val="4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2"/>
                    </a:solidFill>
                    <a:ln w="9525">
                      <a:solidFill>
                        <a:schemeClr val="accent2"/>
                      </a:solidFill>
                    </a:ln>
                    <a:effectLst/>
                  </c:spPr>
                </c:marker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C$2:$C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538</c:v>
                      </c:pt>
                      <c:pt idx="1">
                        <c:v>195</c:v>
                      </c:pt>
                      <c:pt idx="2">
                        <c:v>266</c:v>
                      </c:pt>
                      <c:pt idx="3">
                        <c:v>1160</c:v>
                      </c:pt>
                      <c:pt idx="4">
                        <c:v>1514</c:v>
                      </c:pt>
                      <c:pt idx="5">
                        <c:v>2272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08-DDDF-4255-B249-5956F44A1CB9}"/>
                  </c:ext>
                </c:extLst>
              </c15:ser>
            </c15:filteredLineSeries>
            <c15:filteredLineSeries>
              <c15:ser>
                <c:idx val="2"/>
                <c:order val="2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1</c15:sqref>
                        </c15:formulaRef>
                      </c:ext>
                    </c:extLst>
                    <c:strCache>
                      <c:ptCount val="1"/>
                      <c:pt idx="0">
                        <c:v>Qualified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/>
                    </a:solidFill>
                    <a:ln w="9525">
                      <a:solidFill>
                        <a:schemeClr val="accent3"/>
                      </a:solidFill>
                    </a:ln>
                    <a:effectLst/>
                  </c:spPr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2:$D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541</c:v>
                      </c:pt>
                      <c:pt idx="1">
                        <c:v>1483</c:v>
                      </c:pt>
                      <c:pt idx="2">
                        <c:v>1891</c:v>
                      </c:pt>
                      <c:pt idx="3">
                        <c:v>1977</c:v>
                      </c:pt>
                      <c:pt idx="4">
                        <c:v>3313</c:v>
                      </c:pt>
                      <c:pt idx="5">
                        <c:v>6292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9-DDDF-4255-B249-5956F44A1CB9}"/>
                  </c:ext>
                </c:extLst>
              </c15:ser>
            </c15:filteredLineSeries>
            <c15:filteredLine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1</c15:sqref>
                        </c15:formulaRef>
                      </c:ext>
                    </c:extLst>
                    <c:strCache>
                      <c:ptCount val="1"/>
                      <c:pt idx="0">
                        <c:v>Total assest
($ MM)</c:v>
                      </c:pt>
                    </c:strCache>
                  </c:strRef>
                </c:tx>
                <c:spPr>
                  <a:ln w="28575" cap="rnd">
                    <a:solidFill>
                      <a:schemeClr val="accent6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2:$G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231</c:v>
                      </c:pt>
                      <c:pt idx="1">
                        <c:v>327</c:v>
                      </c:pt>
                      <c:pt idx="2">
                        <c:v>317</c:v>
                      </c:pt>
                      <c:pt idx="3">
                        <c:v>328</c:v>
                      </c:pt>
                      <c:pt idx="4">
                        <c:v>433</c:v>
                      </c:pt>
                      <c:pt idx="5">
                        <c:v>563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B-DDDF-4255-B249-5956F44A1CB9}"/>
                  </c:ext>
                </c:extLst>
              </c15:ser>
            </c15:filteredLineSeries>
          </c:ext>
        </c:extLst>
      </c:lineChart>
      <c:catAx>
        <c:axId val="20327506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32749040"/>
        <c:crosses val="autoZero"/>
        <c:auto val="1"/>
        <c:lblAlgn val="ctr"/>
        <c:lblOffset val="100"/>
        <c:noMultiLvlLbl val="0"/>
      </c:catAx>
      <c:valAx>
        <c:axId val="2032749040"/>
        <c:scaling>
          <c:orientation val="minMax"/>
          <c:max val="480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layout>
            <c:manualLayout>
              <c:xMode val="edge"/>
              <c:yMode val="edge"/>
              <c:x val="9.3986668890209873E-2"/>
              <c:y val="0.2595682768461640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Scotia" panose="020B05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32750680"/>
        <c:crosses val="autoZero"/>
        <c:crossBetween val="between"/>
      </c:valAx>
      <c:valAx>
        <c:axId val="2093431816"/>
        <c:scaling>
          <c:orientation val="minMax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r>
                  <a:rPr lang="en-CA" dirty="0"/>
                  <a:t>Assets ($ MM)</a:t>
                </a:r>
              </a:p>
            </c:rich>
          </c:tx>
          <c:layout>
            <c:manualLayout>
              <c:xMode val="edge"/>
              <c:yMode val="edge"/>
              <c:x val="0.9516338230319763"/>
              <c:y val="0.25856835484554413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Scotia" panose="020B05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93432144"/>
        <c:crosses val="max"/>
        <c:crossBetween val="between"/>
      </c:valAx>
      <c:catAx>
        <c:axId val="2093432144"/>
        <c:scaling>
          <c:orientation val="minMax"/>
        </c:scaling>
        <c:delete val="1"/>
        <c:axPos val="t"/>
        <c:numFmt formatCode="General" sourceLinked="1"/>
        <c:majorTickMark val="out"/>
        <c:minorTickMark val="none"/>
        <c:tickLblPos val="nextTo"/>
        <c:crossAx val="2093431816"/>
        <c:crosses val="max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+mn-lt"/>
          <a:ea typeface="Scotia" panose="020B0503020203020204" pitchFamily="34" charset="0"/>
        </a:defRPr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r>
              <a:rPr lang="en-CA" b="1" dirty="0"/>
              <a:t>Lifecycle</a:t>
            </a:r>
          </a:p>
        </c:rich>
      </c:tx>
      <c:layout>
        <c:manualLayout>
          <c:xMode val="edge"/>
          <c:yMode val="edge"/>
          <c:x val="0.44601153412503575"/>
          <c:y val="6.245414462888208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21379619892790269"/>
          <c:y val="0.13707397526908807"/>
          <c:w val="0.65618661316207239"/>
          <c:h val="0.46222026114139048"/>
        </c:manualLayout>
      </c:layout>
      <c:barChart>
        <c:barDir val="col"/>
        <c:grouping val="stacked"/>
        <c:varyColors val="0"/>
        <c:ser>
          <c:idx val="4"/>
          <c:order val="4"/>
          <c:tx>
            <c:strRef>
              <c:f>'slide 11'!$F$1</c:f>
              <c:strCache>
                <c:ptCount val="1"/>
                <c:pt idx="0">
                  <c:v>Lifecycle
Assets
($ MM)</c:v>
                </c:pt>
              </c:strCache>
              <c:extLst xmlns:c15="http://schemas.microsoft.com/office/drawing/2012/chart"/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dLbls>
            <c:dLbl>
              <c:idx val="1"/>
              <c:layout>
                <c:manualLayout>
                  <c:x val="2.5414477647512051E-3"/>
                  <c:y val="8.9922083946730388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1600" b="0" i="0" u="none" strike="noStrike" kern="1200" baseline="0">
                      <a:solidFill>
                        <a:schemeClr val="bg1"/>
                      </a:solidFill>
                      <a:latin typeface="Scotia Light" panose="020B0403020203020204" pitchFamily="34" charset="0"/>
                      <a:ea typeface="Scotia Light" panose="020B0403020203020204" pitchFamily="34" charset="0"/>
                      <a:cs typeface="+mn-cs"/>
                    </a:defRPr>
                  </a:pPr>
                  <a:endParaRPr lang="en-US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65C6-42EE-8751-E371643590E8}"/>
                </c:ext>
              </c:extLst>
            </c:dLbl>
            <c:dLbl>
              <c:idx val="2"/>
              <c:layout>
                <c:manualLayout>
                  <c:x val="1.1385155360043723E-3"/>
                  <c:y val="1.6981052434297816E-2"/>
                </c:manualLayout>
              </c:layout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65C6-42EE-8751-E371643590E8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  <c:extLst xmlns:c15="http://schemas.microsoft.com/office/drawing/2012/chart"/>
            </c:strRef>
          </c:cat>
          <c:val>
            <c:numRef>
              <c:f>'slide 11'!$F$2:$F$7</c:f>
              <c:numCache>
                <c:formatCode>"$"#,##0</c:formatCode>
                <c:ptCount val="6"/>
                <c:pt idx="0">
                  <c:v>88</c:v>
                </c:pt>
                <c:pt idx="1">
                  <c:v>117</c:v>
                </c:pt>
                <c:pt idx="2">
                  <c:v>43</c:v>
                </c:pt>
                <c:pt idx="3">
                  <c:v>182</c:v>
                </c:pt>
                <c:pt idx="4">
                  <c:v>179</c:v>
                </c:pt>
                <c:pt idx="5">
                  <c:v>160</c:v>
                </c:pt>
              </c:numCache>
              <c:extLst xmlns:c15="http://schemas.microsoft.com/office/drawing/2012/chart"/>
            </c:numRef>
          </c:val>
          <c:extLst xmlns:c15="http://schemas.microsoft.com/office/drawing/2012/chart">
            <c:ext xmlns:c16="http://schemas.microsoft.com/office/drawing/2014/chart" uri="{C3380CC4-5D6E-409C-BE32-E72D297353CC}">
              <c16:uniqueId val="{00000002-65C6-42EE-8751-E37164359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093432144"/>
        <c:axId val="2093431816"/>
        <c:extLst>
          <c:ext xmlns:c15="http://schemas.microsoft.com/office/drawing/2012/chart" uri="{02D57815-91ED-43cb-92C2-25804820EDAC}">
            <c15:filteredBarSeries>
              <c15:ser>
                <c:idx val="3"/>
                <c:order val="3"/>
                <c:tx>
                  <c:strRef>
                    <c:extLst>
                      <c:ext uri="{02D57815-91ED-43cb-92C2-25804820EDAC}">
                        <c15:formulaRef>
                          <c15:sqref>'slide 11'!$E$1</c15:sqref>
                        </c15:formulaRef>
                      </c:ext>
                    </c:extLst>
                    <c:strCache>
                      <c:ptCount val="1"/>
                      <c:pt idx="0">
                        <c:v>Acquisition
Assets
($ MM)</c:v>
                      </c:pt>
                    </c:strCache>
                  </c:strRef>
                </c:tx>
                <c:spPr>
                  <a:solidFill>
                    <a:srgbClr val="FF0000"/>
                  </a:solidFill>
                  <a:ln>
                    <a:solidFill>
                      <a:srgbClr val="FF0000"/>
                    </a:solidFill>
                  </a:ln>
                  <a:effectLst/>
                </c:spPr>
                <c:invertIfNegative val="0"/>
                <c:dLbls>
                  <c:dLbl>
                    <c:idx val="3"/>
                    <c:layout>
                      <c:manualLayout>
                        <c:x val="7.376029590645259E-17"/>
                        <c:y val="1.4383315354189075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12-65C6-42EE-8751-E371643590E8}"/>
                      </c:ext>
                    </c:extLst>
                  </c:dLbl>
                  <c:spPr>
                    <a:noFill/>
                    <a:ln>
                      <a:noFill/>
                    </a:ln>
                    <a:effectLst/>
                  </c:spPr>
                  <c:txPr>
                    <a:bodyPr rot="0" spcFirstLastPara="1" vertOverflow="ellipsis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bg1"/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howLeaderLines val="1"/>
                      <c15:leaderLines>
                        <c:spPr>
                          <a:ln w="9525" cap="flat" cmpd="sng" algn="ctr">
                            <a:solidFill>
                              <a:schemeClr val="tx1">
                                <a:lumMod val="35000"/>
                                <a:lumOff val="65000"/>
                              </a:schemeClr>
                            </a:solidFill>
                            <a:round/>
                          </a:ln>
                          <a:effectLst/>
                        </c:spPr>
                      </c15:leaderLines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E$2:$E$7</c15:sqref>
                        </c15:formulaRef>
                      </c:ext>
                    </c:extLst>
                    <c:numCache>
                      <c:formatCode>"$"#,##0</c:formatCode>
                      <c:ptCount val="6"/>
                      <c:pt idx="0">
                        <c:v>143</c:v>
                      </c:pt>
                      <c:pt idx="1">
                        <c:v>210</c:v>
                      </c:pt>
                      <c:pt idx="2">
                        <c:v>274</c:v>
                      </c:pt>
                      <c:pt idx="3">
                        <c:v>146</c:v>
                      </c:pt>
                      <c:pt idx="4">
                        <c:v>254</c:v>
                      </c:pt>
                      <c:pt idx="5">
                        <c:v>403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13-65C6-42EE-8751-E371643590E8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1"/>
          <c:order val="1"/>
          <c:tx>
            <c:strRef>
              <c:f>'slide 11'!$C$1</c:f>
              <c:strCache>
                <c:ptCount val="1"/>
                <c:pt idx="0">
                  <c:v>Lifecycle
Clients</c:v>
                </c:pt>
              </c:strCache>
              <c:extLst xmlns:c15="http://schemas.microsoft.com/office/drawing/2012/chart"/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2.0116676725005027E-3"/>
                  <c:y val="-7.1916576770945775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65C6-42EE-8751-E371643590E8}"/>
                </c:ext>
              </c:extLst>
            </c:dLbl>
            <c:dLbl>
              <c:idx val="1"/>
              <c:layout>
                <c:manualLayout>
                  <c:x val="1.4081664177951701E-2"/>
                  <c:y val="-8.988486916539195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65C6-42EE-8751-E371643590E8}"/>
                </c:ext>
              </c:extLst>
            </c:dLbl>
            <c:dLbl>
              <c:idx val="2"/>
              <c:layout>
                <c:manualLayout>
                  <c:x val="-1.2074320818463831E-2"/>
                  <c:y val="-9.3462342622846958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65C6-42EE-8751-E371643590E8}"/>
                </c:ext>
              </c:extLst>
            </c:dLbl>
            <c:dLbl>
              <c:idx val="3"/>
              <c:layout>
                <c:manualLayout>
                  <c:x val="-9.8246487089787751E-3"/>
                  <c:y val="-5.6648859767906082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65C6-42EE-8751-E371643590E8}"/>
                </c:ext>
              </c:extLst>
            </c:dLbl>
            <c:dLbl>
              <c:idx val="4"/>
              <c:layout>
                <c:manualLayout>
                  <c:x val="-7.5450182864311242E-3"/>
                  <c:y val="-9.1496551293608133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65C6-42EE-8751-E371643590E8}"/>
                </c:ext>
              </c:extLst>
            </c:dLbl>
            <c:dLbl>
              <c:idx val="5"/>
              <c:layout>
                <c:manualLayout>
                  <c:x val="-6.5654216644035887E-3"/>
                  <c:y val="-3.5696532415299298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65C6-42EE-8751-E371643590E8}"/>
                </c:ext>
              </c:extLst>
            </c:dLbl>
            <c:spPr>
              <a:solidFill>
                <a:sysClr val="windowText" lastClr="000000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  <c:extLst xmlns:c15="http://schemas.microsoft.com/office/drawing/2012/chart"/>
            </c:strRef>
          </c:cat>
          <c:val>
            <c:numRef>
              <c:f>'slide 11'!$C$2:$C$7</c:f>
              <c:numCache>
                <c:formatCode>General</c:formatCode>
                <c:ptCount val="6"/>
                <c:pt idx="0">
                  <c:v>538</c:v>
                </c:pt>
                <c:pt idx="1">
                  <c:v>195</c:v>
                </c:pt>
                <c:pt idx="2">
                  <c:v>266</c:v>
                </c:pt>
                <c:pt idx="3">
                  <c:v>1160</c:v>
                </c:pt>
                <c:pt idx="4">
                  <c:v>1514</c:v>
                </c:pt>
                <c:pt idx="5">
                  <c:v>2272</c:v>
                </c:pt>
              </c:numCache>
              <c:extLst xmlns:c15="http://schemas.microsoft.com/office/drawing/2012/chart"/>
            </c:numRef>
          </c:val>
          <c:smooth val="0"/>
          <c:extLst xmlns:c15="http://schemas.microsoft.com/office/drawing/2012/chart">
            <c:ext xmlns:c16="http://schemas.microsoft.com/office/drawing/2014/chart" uri="{C3380CC4-5D6E-409C-BE32-E72D297353CC}">
              <c16:uniqueId val="{00000009-65C6-42EE-8751-E37164359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32750680"/>
        <c:axId val="2032749040"/>
        <c:extLst>
          <c:ext xmlns:c15="http://schemas.microsoft.com/office/drawing/2012/chart" uri="{02D57815-91ED-43cb-92C2-25804820EDAC}">
            <c15:filteredLine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'slide 11'!$B$1</c15:sqref>
                        </c15:formulaRef>
                      </c:ext>
                    </c:extLst>
                    <c:strCache>
                      <c:ptCount val="1"/>
                      <c:pt idx="0">
                        <c:v>Acquisition
Clients</c:v>
                      </c:pt>
                    </c:strCache>
                  </c:strRef>
                </c:tx>
                <c:spPr>
                  <a:ln w="28575" cap="rnd">
                    <a:solidFill>
                      <a:sysClr val="windowText" lastClr="000000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1"/>
                    </a:solidFill>
                    <a:ln w="9525">
                      <a:solidFill>
                        <a:sysClr val="windowText" lastClr="000000"/>
                      </a:solidFill>
                    </a:ln>
                    <a:effectLst/>
                  </c:spPr>
                </c:marker>
                <c:dLbls>
                  <c:dLbl>
                    <c:idx val="0"/>
                    <c:layout>
                      <c:manualLayout>
                        <c:x val="-1.1846336341401831E-3"/>
                        <c:y val="-9.5886053459003903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A-65C6-42EE-8751-E371643590E8}"/>
                      </c:ext>
                    </c:extLst>
                  </c:dLbl>
                  <c:dLbl>
                    <c:idx val="1"/>
                    <c:layout>
                      <c:manualLayout>
                        <c:x val="1.6334222637326843E-2"/>
                        <c:y val="-4.6088356602483567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B-65C6-42EE-8751-E371643590E8}"/>
                      </c:ext>
                    </c:extLst>
                  </c:dLbl>
                  <c:dLbl>
                    <c:idx val="2"/>
                    <c:layout>
                      <c:manualLayout>
                        <c:x val="1.6528226393447247E-2"/>
                        <c:y val="-5.8537780816613608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C-65C6-42EE-8751-E371643590E8}"/>
                      </c:ext>
                    </c:extLst>
                  </c:dLbl>
                  <c:dLbl>
                    <c:idx val="3"/>
                    <c:layout>
                      <c:manualLayout>
                        <c:x val="1.8222224334209279E-3"/>
                        <c:y val="-9.9481860883894366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D-65C6-42EE-8751-E371643590E8}"/>
                      </c:ext>
                    </c:extLst>
                  </c:dLbl>
                  <c:dLbl>
                    <c:idx val="4"/>
                    <c:layout>
                      <c:manualLayout>
                        <c:x val="1.3753154120671549E-2"/>
                        <c:y val="-6.7179992468578961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E-65C6-42EE-8751-E371643590E8}"/>
                      </c:ext>
                    </c:extLst>
                  </c:dLbl>
                  <c:dLbl>
                    <c:idx val="5"/>
                    <c:layout>
                      <c:manualLayout>
                        <c:x val="1.1256310221331001E-2"/>
                        <c:y val="-4.6056055290823274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F-65C6-42EE-8751-E371643590E8}"/>
                      </c:ext>
                    </c:extLst>
                  </c:dLbl>
                  <c:spPr>
                    <a:solidFill>
                      <a:sysClr val="windowText" lastClr="000000"/>
                    </a:solidFill>
                    <a:ln>
                      <a:solidFill>
                        <a:sysClr val="windowText" lastClr="000000">
                          <a:lumMod val="25000"/>
                          <a:lumOff val="75000"/>
                        </a:sysClr>
                      </a:solidFill>
                    </a:ln>
                    <a:effectLst/>
                  </c:spPr>
                  <c:txPr>
                    <a:bodyPr rot="0" spcFirstLastPara="1" vertOverflow="clip" horzOverflow="clip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bg1"/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dLblPos val="t"/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pPr xmlns:c15="http://schemas.microsoft.com/office/drawing/2012/chart">
                        <a:prstGeom prst="wedgeRectCallout">
                          <a:avLst/>
                        </a:prstGeom>
                        <a:noFill/>
                        <a:ln>
                          <a:noFill/>
                        </a:ln>
                      </c15:spPr>
                      <c15:showLeaderLines val="0"/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B$2:$B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003</c:v>
                      </c:pt>
                      <c:pt idx="1">
                        <c:v>1288</c:v>
                      </c:pt>
                      <c:pt idx="2">
                        <c:v>1625</c:v>
                      </c:pt>
                      <c:pt idx="3">
                        <c:v>817</c:v>
                      </c:pt>
                      <c:pt idx="4">
                        <c:v>1799</c:v>
                      </c:pt>
                      <c:pt idx="5">
                        <c:v>4020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10-65C6-42EE-8751-E371643590E8}"/>
                  </c:ext>
                </c:extLst>
              </c15:ser>
            </c15:filteredLineSeries>
            <c15:filteredLineSeries>
              <c15:ser>
                <c:idx val="2"/>
                <c:order val="2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1</c15:sqref>
                        </c15:formulaRef>
                      </c:ext>
                    </c:extLst>
                    <c:strCache>
                      <c:ptCount val="1"/>
                      <c:pt idx="0">
                        <c:v>Qualified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/>
                    </a:solidFill>
                    <a:ln w="9525">
                      <a:solidFill>
                        <a:schemeClr val="accent3"/>
                      </a:solidFill>
                    </a:ln>
                    <a:effectLst/>
                  </c:spPr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2:$D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541</c:v>
                      </c:pt>
                      <c:pt idx="1">
                        <c:v>1483</c:v>
                      </c:pt>
                      <c:pt idx="2">
                        <c:v>1891</c:v>
                      </c:pt>
                      <c:pt idx="3">
                        <c:v>1977</c:v>
                      </c:pt>
                      <c:pt idx="4">
                        <c:v>3313</c:v>
                      </c:pt>
                      <c:pt idx="5">
                        <c:v>6292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11-65C6-42EE-8751-E371643590E8}"/>
                  </c:ext>
                </c:extLst>
              </c15:ser>
            </c15:filteredLineSeries>
            <c15:filteredLine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1</c15:sqref>
                        </c15:formulaRef>
                      </c:ext>
                    </c:extLst>
                    <c:strCache>
                      <c:ptCount val="1"/>
                      <c:pt idx="0">
                        <c:v>Total assest
($ MM)</c:v>
                      </c:pt>
                    </c:strCache>
                  </c:strRef>
                </c:tx>
                <c:spPr>
                  <a:ln w="28575" cap="rnd">
                    <a:solidFill>
                      <a:schemeClr val="accent6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2:$G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231</c:v>
                      </c:pt>
                      <c:pt idx="1">
                        <c:v>327</c:v>
                      </c:pt>
                      <c:pt idx="2">
                        <c:v>317</c:v>
                      </c:pt>
                      <c:pt idx="3">
                        <c:v>328</c:v>
                      </c:pt>
                      <c:pt idx="4">
                        <c:v>433</c:v>
                      </c:pt>
                      <c:pt idx="5">
                        <c:v>563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14-65C6-42EE-8751-E371643590E8}"/>
                  </c:ext>
                </c:extLst>
              </c15:ser>
            </c15:filteredLineSeries>
          </c:ext>
        </c:extLst>
      </c:lineChart>
      <c:catAx>
        <c:axId val="20327506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32749040"/>
        <c:crosses val="autoZero"/>
        <c:auto val="1"/>
        <c:lblAlgn val="ctr"/>
        <c:lblOffset val="100"/>
        <c:noMultiLvlLbl val="0"/>
      </c:catAx>
      <c:valAx>
        <c:axId val="20327490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layout>
            <c:manualLayout>
              <c:xMode val="edge"/>
              <c:yMode val="edge"/>
              <c:x val="0.10222053553253925"/>
              <c:y val="0.2664438334113554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32750680"/>
        <c:crosses val="autoZero"/>
        <c:crossBetween val="between"/>
      </c:valAx>
      <c:valAx>
        <c:axId val="2093431816"/>
        <c:scaling>
          <c:orientation val="minMax"/>
          <c:max val="250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Assets ($ MM)</a:t>
                </a:r>
              </a:p>
            </c:rich>
          </c:tx>
          <c:layout>
            <c:manualLayout>
              <c:xMode val="edge"/>
              <c:yMode val="edge"/>
              <c:x val="0.95192366729281153"/>
              <c:y val="0.2729661388435410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93432144"/>
        <c:crosses val="max"/>
        <c:crossBetween val="between"/>
        <c:majorUnit val="50"/>
      </c:valAx>
      <c:catAx>
        <c:axId val="2093432144"/>
        <c:scaling>
          <c:orientation val="minMax"/>
        </c:scaling>
        <c:delete val="1"/>
        <c:axPos val="t"/>
        <c:numFmt formatCode="General" sourceLinked="1"/>
        <c:majorTickMark val="out"/>
        <c:minorTickMark val="none"/>
        <c:tickLblPos val="nextTo"/>
        <c:crossAx val="2093431816"/>
        <c:crosses val="max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646679988364175"/>
          <c:y val="2.2790724776716346E-2"/>
          <c:w val="0.83533198099422656"/>
          <c:h val="0.75296684074459408"/>
        </c:manualLayout>
      </c:layout>
      <c:barChart>
        <c:barDir val="col"/>
        <c:grouping val="stacked"/>
        <c:varyColors val="0"/>
        <c:ser>
          <c:idx val="1"/>
          <c:order val="1"/>
          <c:tx>
            <c:strRef>
              <c:f>'slide 13'!$C$1</c:f>
              <c:strCache>
                <c:ptCount val="1"/>
                <c:pt idx="0">
                  <c:v>Actual ($)</c:v>
                </c:pt>
              </c:strCache>
            </c:strRef>
          </c:tx>
          <c:spPr>
            <a:solidFill>
              <a:schemeClr val="tx2"/>
            </a:solidFill>
            <a:ln>
              <a:noFill/>
            </a:ln>
            <a:effectLst/>
          </c:spPr>
          <c:invertIfNegative val="0"/>
          <c:dPt>
            <c:idx val="6"/>
            <c:invertIfNegative val="0"/>
            <c:bubble3D val="0"/>
            <c:spPr>
              <a:solidFill>
                <a:schemeClr val="tx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050D-400D-9C7C-81A94A24BD8D}"/>
              </c:ext>
            </c:extLst>
          </c:dPt>
          <c:dLbls>
            <c:dLbl>
              <c:idx val="3"/>
              <c:layout>
                <c:manualLayout>
                  <c:x val="-1.0495382031906731E-3"/>
                  <c:y val="-0.10988795844649525"/>
                </c:manualLayout>
              </c:layout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050D-400D-9C7C-81A94A24BD8D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3'!$A$2:$A$8</c:f>
              <c:strCache>
                <c:ptCount val="7"/>
                <c:pt idx="0">
                  <c:v>F16 Fall</c:v>
                </c:pt>
                <c:pt idx="1">
                  <c:v>F16 Spring</c:v>
                </c:pt>
                <c:pt idx="2">
                  <c:v>F17 RSP</c:v>
                </c:pt>
                <c:pt idx="3">
                  <c:v>F18 RSP</c:v>
                </c:pt>
                <c:pt idx="4">
                  <c:v>F19 RSP</c:v>
                </c:pt>
                <c:pt idx="5">
                  <c:v>F20 RSP</c:v>
                </c:pt>
                <c:pt idx="6">
                  <c:v>F21 RSP</c:v>
                </c:pt>
              </c:strCache>
            </c:strRef>
          </c:cat>
          <c:val>
            <c:numRef>
              <c:f>'slide 13'!$C$2:$C$8</c:f>
              <c:numCache>
                <c:formatCode>"$"#,##0</c:formatCode>
                <c:ptCount val="7"/>
                <c:pt idx="0">
                  <c:v>149</c:v>
                </c:pt>
                <c:pt idx="1">
                  <c:v>147</c:v>
                </c:pt>
                <c:pt idx="2">
                  <c:v>131</c:v>
                </c:pt>
                <c:pt idx="3">
                  <c:v>178</c:v>
                </c:pt>
                <c:pt idx="4">
                  <c:v>360</c:v>
                </c:pt>
                <c:pt idx="5">
                  <c:v>261</c:v>
                </c:pt>
                <c:pt idx="6">
                  <c:v>208.813095994914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50D-400D-9C7C-81A94A24BD8D}"/>
            </c:ext>
          </c:extLst>
        </c:ser>
        <c:dLbls>
          <c:dLblPos val="inBase"/>
          <c:showLegendKey val="0"/>
          <c:showVal val="1"/>
          <c:showCatName val="0"/>
          <c:showSerName val="0"/>
          <c:showPercent val="0"/>
          <c:showBubbleSize val="0"/>
        </c:dLbls>
        <c:gapWidth val="114"/>
        <c:overlap val="100"/>
        <c:axId val="866878768"/>
        <c:axId val="866883528"/>
        <c:extLst>
          <c:ext xmlns:c15="http://schemas.microsoft.com/office/drawing/2012/chart" uri="{02D57815-91ED-43cb-92C2-25804820EDAC}">
            <c15:filteredBar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'slide 13'!$B$1</c15:sqref>
                        </c15:formulaRef>
                      </c:ext>
                    </c:extLst>
                    <c:strCache>
                      <c:ptCount val="1"/>
                      <c:pt idx="0">
                        <c:v>Difference
towards planned</c:v>
                      </c:pt>
                    </c:strCache>
                  </c:strRef>
                </c:tx>
                <c:spPr>
                  <a:solidFill>
                    <a:schemeClr val="accent1"/>
                  </a:solidFill>
                  <a:ln>
                    <a:noFill/>
                  </a:ln>
                  <a:effectLst/>
                </c:spPr>
                <c:invertIfNegative val="0"/>
                <c:dLbls>
                  <c:spPr>
                    <a:noFill/>
                    <a:ln>
                      <a:noFill/>
                    </a:ln>
                    <a:effectLst/>
                  </c:spPr>
                  <c:txPr>
                    <a:bodyPr rot="0" spcFirstLastPara="1" vertOverflow="ellipsis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dLblPos val="inBase"/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howLeaderLines val="1"/>
                      <c15:leaderLines>
                        <c:spPr>
                          <a:ln w="9525" cap="flat" cmpd="sng" algn="ctr">
                            <a:solidFill>
                              <a:schemeClr val="tx1">
                                <a:lumMod val="35000"/>
                                <a:lumOff val="65000"/>
                              </a:schemeClr>
                            </a:solidFill>
                            <a:round/>
                          </a:ln>
                          <a:effectLst/>
                        </c:spPr>
                      </c15:leaderLines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3'!$A$2:$A$8</c15:sqref>
                        </c15:formulaRef>
                      </c:ext>
                    </c:extLst>
                    <c:strCache>
                      <c:ptCount val="7"/>
                      <c:pt idx="0">
                        <c:v>F16 Fall</c:v>
                      </c:pt>
                      <c:pt idx="1">
                        <c:v>F16 Spring</c:v>
                      </c:pt>
                      <c:pt idx="2">
                        <c:v>F17 RSP</c:v>
                      </c:pt>
                      <c:pt idx="3">
                        <c:v>F18 RSP</c:v>
                      </c:pt>
                      <c:pt idx="4">
                        <c:v>F19 RSP</c:v>
                      </c:pt>
                      <c:pt idx="5">
                        <c:v>F20 RSP</c:v>
                      </c:pt>
                      <c:pt idx="6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3'!$B$2:$B$8</c15:sqref>
                        </c15:formulaRef>
                      </c:ext>
                    </c:extLst>
                    <c:numCache>
                      <c:formatCode>0.00%</c:formatCode>
                      <c:ptCount val="7"/>
                      <c:pt idx="0">
                        <c:v>0.99333333333333329</c:v>
                      </c:pt>
                      <c:pt idx="1">
                        <c:v>0.64192139737991272</c:v>
                      </c:pt>
                      <c:pt idx="2">
                        <c:v>0.75287356321839083</c:v>
                      </c:pt>
                      <c:pt idx="3">
                        <c:v>1.0920245398773005</c:v>
                      </c:pt>
                      <c:pt idx="4">
                        <c:v>1.44</c:v>
                      </c:pt>
                      <c:pt idx="5">
                        <c:v>0.86127714709410308</c:v>
                      </c:pt>
                      <c:pt idx="6">
                        <c:v>1.235528289960107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5-050D-400D-9C7C-81A94A24BD8D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2"/>
          <c:order val="2"/>
          <c:tx>
            <c:strRef>
              <c:f>'slide 13'!$D$1</c:f>
              <c:strCache>
                <c:ptCount val="1"/>
                <c:pt idx="0">
                  <c:v>Planned ($)</c:v>
                </c:pt>
              </c:strCache>
            </c:strRef>
          </c:tx>
          <c:spPr>
            <a:ln w="3810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chemeClr val="tx1"/>
                </a:solidFill>
              </a:ln>
              <a:effectLst/>
            </c:spPr>
          </c:marker>
          <c:dPt>
            <c:idx val="0"/>
            <c:marker>
              <c:symbol val="circle"/>
              <c:size val="5"/>
              <c:spPr>
                <a:solidFill>
                  <a:schemeClr val="tx1"/>
                </a:solidFill>
                <a:ln w="38100">
                  <a:solidFill>
                    <a:schemeClr val="tx1"/>
                  </a:solidFill>
                </a:ln>
                <a:effectLst/>
              </c:spPr>
            </c:marker>
            <c:bubble3D val="0"/>
            <c:extLst>
              <c:ext xmlns:c16="http://schemas.microsoft.com/office/drawing/2014/chart" uri="{C3380CC4-5D6E-409C-BE32-E72D297353CC}">
                <c16:uniqueId val="{00000003-050D-400D-9C7C-81A94A24BD8D}"/>
              </c:ext>
            </c:extLst>
          </c:dPt>
          <c:dLbls>
            <c:dLbl>
              <c:idx val="0"/>
              <c:layout>
                <c:manualLayout>
                  <c:x val="-3.0814937490496307E-2"/>
                  <c:y val="-6.415210762654999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050D-400D-9C7C-81A94A24BD8D}"/>
                </c:ext>
              </c:extLst>
            </c:dLbl>
            <c:dLbl>
              <c:idx val="2"/>
              <c:layout>
                <c:manualLayout>
                  <c:x val="-2.6479353021678337E-2"/>
                  <c:y val="-5.878958414967549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050D-400D-9C7C-81A94A24BD8D}"/>
                </c:ext>
              </c:extLst>
            </c:dLbl>
            <c:dLbl>
              <c:idx val="3"/>
              <c:layout>
                <c:manualLayout>
                  <c:x val="-2.6055075137018453E-2"/>
                  <c:y val="-8.023967805717323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050D-400D-9C7C-81A94A24BD8D}"/>
                </c:ext>
              </c:extLst>
            </c:dLbl>
            <c:dLbl>
              <c:idx val="4"/>
              <c:layout>
                <c:manualLayout>
                  <c:x val="-2.0849117726782971E-2"/>
                  <c:y val="5.0248393213438006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050D-400D-9C7C-81A94A24BD8D}"/>
                </c:ext>
              </c:extLst>
            </c:dLbl>
            <c:dLbl>
              <c:idx val="6"/>
              <c:layout>
                <c:manualLayout>
                  <c:x val="-1.6343954329386408E-2"/>
                  <c:y val="4.1310854085313951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050D-400D-9C7C-81A94A24BD8D}"/>
                </c:ext>
              </c:extLst>
            </c:dLbl>
            <c:spPr>
              <a:solidFill>
                <a:srgbClr val="333333"/>
              </a:solidFill>
              <a:ln>
                <a:solidFill>
                  <a:srgbClr val="333333">
                    <a:lumMod val="25000"/>
                    <a:lumOff val="75000"/>
                  </a:srgb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3'!$A$2:$A$8</c:f>
              <c:strCache>
                <c:ptCount val="7"/>
                <c:pt idx="0">
                  <c:v>F16 Fall</c:v>
                </c:pt>
                <c:pt idx="1">
                  <c:v>F16 Spring</c:v>
                </c:pt>
                <c:pt idx="2">
                  <c:v>F17 RSP</c:v>
                </c:pt>
                <c:pt idx="3">
                  <c:v>F18 RSP</c:v>
                </c:pt>
                <c:pt idx="4">
                  <c:v>F19 RSP</c:v>
                </c:pt>
                <c:pt idx="5">
                  <c:v>F20 RSP</c:v>
                </c:pt>
                <c:pt idx="6">
                  <c:v>F21 RSP</c:v>
                </c:pt>
              </c:strCache>
            </c:strRef>
          </c:cat>
          <c:val>
            <c:numRef>
              <c:f>'slide 13'!$D$2:$D$8</c:f>
              <c:numCache>
                <c:formatCode>"$"#,##0</c:formatCode>
                <c:ptCount val="7"/>
                <c:pt idx="0">
                  <c:v>150</c:v>
                </c:pt>
                <c:pt idx="1">
                  <c:v>229</c:v>
                </c:pt>
                <c:pt idx="2">
                  <c:v>174</c:v>
                </c:pt>
                <c:pt idx="3">
                  <c:v>163</c:v>
                </c:pt>
                <c:pt idx="4">
                  <c:v>250</c:v>
                </c:pt>
                <c:pt idx="5">
                  <c:v>303.03834355828224</c:v>
                </c:pt>
                <c:pt idx="6">
                  <c:v>169.0071345931353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050D-400D-9C7C-81A94A24BD8D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866878768"/>
        <c:axId val="866883528"/>
      </c:lineChart>
      <c:catAx>
        <c:axId val="86687876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866883528"/>
        <c:crosses val="autoZero"/>
        <c:auto val="1"/>
        <c:lblAlgn val="ctr"/>
        <c:lblOffset val="100"/>
        <c:noMultiLvlLbl val="0"/>
      </c:catAx>
      <c:valAx>
        <c:axId val="866883528"/>
        <c:scaling>
          <c:orientation val="minMax"/>
          <c:max val="4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Incentive Cost per Client ($)</a:t>
                </a:r>
              </a:p>
            </c:rich>
          </c:tx>
          <c:layout>
            <c:manualLayout>
              <c:xMode val="edge"/>
              <c:yMode val="edge"/>
              <c:x val="7.1807751046232576E-2"/>
              <c:y val="0.2197944957144851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866878768"/>
        <c:crosses val="autoZero"/>
        <c:crossBetween val="between"/>
        <c:majorUnit val="50"/>
      </c:val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28072</cdr:x>
      <cdr:y>0.35228</cdr:y>
    </cdr:from>
    <cdr:to>
      <cdr:x>0.37127</cdr:x>
      <cdr:y>0.40604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id="{EDC31BDA-F8B1-4B54-9B89-15AAC8C71ECE}"/>
            </a:ext>
          </a:extLst>
        </cdr:cNvPr>
        <cdr:cNvSpPr txBox="1"/>
      </cdr:nvSpPr>
      <cdr:spPr>
        <a:xfrm xmlns:a="http://schemas.openxmlformats.org/drawingml/2006/main">
          <a:off x="2519758" y="2426645"/>
          <a:ext cx="812782" cy="370294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val="1"/>
          </a:ext>
        </a:extLst>
      </cdr:spPr>
      <cdr:txBody>
        <a:bodyPr xmlns:a="http://schemas.openxmlformats.org/drawingml/2006/main" vertOverflow="clip" wrap="square" lIns="0" tIns="0" rIns="0" bIns="0" rtlCol="0" anchor="t">
          <a:spAutoFit/>
        </a:bodyPr>
        <a:lstStyle xmlns:a="http://schemas.openxmlformats.org/drawingml/2006/main"/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1800" dirty="0">
              <a:latin typeface="Scotia Light" panose="020B0403020203020204" pitchFamily="34" charset="0"/>
              <a:ea typeface="Scotia Light" panose="020B0403020203020204" pitchFamily="34" charset="0"/>
            </a:rPr>
            <a:t>5,186</a:t>
          </a:r>
        </a:p>
      </cdr:txBody>
    </cdr:sp>
  </cdr:relSizeAnchor>
  <cdr:relSizeAnchor xmlns:cdr="http://schemas.openxmlformats.org/drawingml/2006/chartDrawing">
    <cdr:from>
      <cdr:x>0.65425</cdr:x>
      <cdr:y>0.2505</cdr:y>
    </cdr:from>
    <cdr:to>
      <cdr:x>0.7448</cdr:x>
      <cdr:y>0.31022</cdr:y>
    </cdr:to>
    <cdr:sp macro="" textlink="">
      <cdr:nvSpPr>
        <cdr:cNvPr id="3" name="TextBox 1">
          <a:extLst xmlns:a="http://schemas.openxmlformats.org/drawingml/2006/main">
            <a:ext uri="{FF2B5EF4-FFF2-40B4-BE49-F238E27FC236}">
              <a16:creationId xmlns:a16="http://schemas.microsoft.com/office/drawing/2014/main" id="{DFDC984C-0E25-4826-8744-3AE818D19656}"/>
            </a:ext>
          </a:extLst>
        </cdr:cNvPr>
        <cdr:cNvSpPr txBox="1"/>
      </cdr:nvSpPr>
      <cdr:spPr>
        <a:xfrm xmlns:a="http://schemas.openxmlformats.org/drawingml/2006/main">
          <a:off x="5872583" y="1725544"/>
          <a:ext cx="812782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xmlns:lc="http://schemas.openxmlformats.org/drawingml/2006/lockedCanvas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dirty="0">
              <a:latin typeface="Scotia Light" panose="020B0403020203020204" pitchFamily="34" charset="0"/>
              <a:ea typeface="Scotia Light" panose="020B0403020203020204" pitchFamily="34" charset="0"/>
            </a:rPr>
            <a:t>6,292</a:t>
          </a:r>
        </a:p>
      </cdr:txBody>
    </cdr:sp>
  </cdr:relSizeAnchor>
  <cdr:relSizeAnchor xmlns:cdr="http://schemas.openxmlformats.org/drawingml/2006/chartDrawing">
    <cdr:from>
      <cdr:x>0.60105</cdr:x>
      <cdr:y>0.84196</cdr:y>
    </cdr:from>
    <cdr:to>
      <cdr:x>0.70858</cdr:x>
      <cdr:y>0.90168</cdr:y>
    </cdr:to>
    <cdr:sp macro="" textlink="">
      <cdr:nvSpPr>
        <cdr:cNvPr id="4" name="TextBox 1">
          <a:extLst xmlns:a="http://schemas.openxmlformats.org/drawingml/2006/main">
            <a:ext uri="{FF2B5EF4-FFF2-40B4-BE49-F238E27FC236}">
              <a16:creationId xmlns:a16="http://schemas.microsoft.com/office/drawing/2014/main" id="{F4B4AA0D-9C4D-4828-AFA8-51312CF2F191}"/>
            </a:ext>
          </a:extLst>
        </cdr:cNvPr>
        <cdr:cNvSpPr txBox="1"/>
      </cdr:nvSpPr>
      <cdr:spPr>
        <a:xfrm xmlns:a="http://schemas.openxmlformats.org/drawingml/2006/main">
          <a:off x="5395025" y="5799733"/>
          <a:ext cx="965200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xmlns:lc="http://schemas.openxmlformats.org/drawingml/2006/lockedCanvas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b="1" dirty="0">
              <a:solidFill>
                <a:schemeClr val="bg1"/>
              </a:solidFill>
              <a:latin typeface="Scotia Light" panose="020B0403020203020204" pitchFamily="34" charset="0"/>
              <a:ea typeface="Scotia Light" panose="020B0403020203020204" pitchFamily="34" charset="0"/>
            </a:rPr>
            <a:t>$1,314M</a:t>
          </a:r>
        </a:p>
      </cdr:txBody>
    </cdr:sp>
  </cdr:relSizeAnchor>
  <cdr:relSizeAnchor xmlns:cdr="http://schemas.openxmlformats.org/drawingml/2006/chartDrawing">
    <cdr:from>
      <cdr:x>0.28864</cdr:x>
      <cdr:y>0.84343</cdr:y>
    </cdr:from>
    <cdr:to>
      <cdr:x>0.39504</cdr:x>
      <cdr:y>0.90315</cdr:y>
    </cdr:to>
    <cdr:sp macro="" textlink="">
      <cdr:nvSpPr>
        <cdr:cNvPr id="5" name="TextBox 1">
          <a:extLst xmlns:a="http://schemas.openxmlformats.org/drawingml/2006/main">
            <a:ext uri="{FF2B5EF4-FFF2-40B4-BE49-F238E27FC236}">
              <a16:creationId xmlns:a16="http://schemas.microsoft.com/office/drawing/2014/main" id="{E3C86143-C6C0-496E-BEC2-05B0CF42E446}"/>
            </a:ext>
          </a:extLst>
        </cdr:cNvPr>
        <cdr:cNvSpPr txBox="1"/>
      </cdr:nvSpPr>
      <cdr:spPr>
        <a:xfrm xmlns:a="http://schemas.openxmlformats.org/drawingml/2006/main">
          <a:off x="2590865" y="5809893"/>
          <a:ext cx="955040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xmlns:lc="http://schemas.openxmlformats.org/drawingml/2006/lockedCanvas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b="1" dirty="0">
              <a:solidFill>
                <a:schemeClr val="bg1"/>
              </a:solidFill>
              <a:latin typeface="Scotia Light" panose="020B0403020203020204" pitchFamily="34" charset="0"/>
              <a:ea typeface="Scotia Light" panose="020B0403020203020204" pitchFamily="34" charset="0"/>
            </a:rPr>
            <a:t>$876M</a:t>
          </a:r>
        </a:p>
      </cdr:txBody>
    </cdr: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:a16="http://schemas.microsoft.com/office/drawing/2014/main" id="{F2A9CDD4-AF52-7F4A-A864-8E9FF172BFEA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28A028D7-7C5D-E049-8C6F-FB7FC6146345}"/>
              </a:ext>
            </a:extLst>
          </p:cNvPr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95843A1-6775-8544-BD87-11280056DBDA}" type="datetimeFigureOut">
              <a:rPr lang="en-US"/>
              <a:pPr>
                <a:defRPr/>
              </a:pPr>
              <a:t>2/1/2023</a:t>
            </a:fld>
            <a:endParaRPr lang="en-US"/>
          </a:p>
        </p:txBody>
      </p:sp>
      <p:sp>
        <p:nvSpPr>
          <p:cNvPr id="4" name="Slide Image Placeholder 3">
            <a:extLst>
              <a:ext uri="{FF2B5EF4-FFF2-40B4-BE49-F238E27FC236}">
                <a16:creationId xmlns:a16="http://schemas.microsoft.com/office/drawing/2014/main" id="{6AC76E26-3C18-2B48-B811-E4026A6D8E36}"/>
              </a:ext>
            </a:extLst>
          </p:cNvPr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US" noProof="0"/>
          </a:p>
        </p:txBody>
      </p:sp>
      <p:sp>
        <p:nvSpPr>
          <p:cNvPr id="5" name="Notes Placeholder 4">
            <a:extLst>
              <a:ext uri="{FF2B5EF4-FFF2-40B4-BE49-F238E27FC236}">
                <a16:creationId xmlns:a16="http://schemas.microsoft.com/office/drawing/2014/main" id="{F11FC4C7-7533-694C-9C04-15775861703A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noProof="0"/>
              <a:t>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DDE28291-3C98-2241-B71D-DEB9159D3FF1}"/>
              </a:ext>
            </a:extLst>
          </p:cNvPr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EC511C44-FA66-834E-AD3A-A20B29665F18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4284883D-BE39-3549-8128-200B9049337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85498715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1pPr>
    <a:lvl2pPr marL="9128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2pPr>
    <a:lvl3pPr marL="18272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3pPr>
    <a:lvl4pPr marL="27416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4pPr>
    <a:lvl5pPr marL="36560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5pPr>
    <a:lvl6pPr marL="4571771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6pPr>
    <a:lvl7pPr marL="5486126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7pPr>
    <a:lvl8pPr marL="6400480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8pPr>
    <a:lvl9pPr marL="7314834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A682F72F-8E37-904D-8F87-C4C23F3C3937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73554592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5249795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0731068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marR="0" lvl="0" indent="-34290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Wingdings" panose="05000000000000000000" pitchFamily="2" charset="2"/>
              <a:buChar char="q"/>
              <a:tabLst/>
              <a:defRPr/>
            </a:pPr>
            <a:endParaRPr lang="en-US" altLang="en-US" sz="11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7758547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 typeface="Wingdings" panose="05000000000000000000" pitchFamily="2" charset="2"/>
              <a:buNone/>
              <a:tabLst/>
              <a:defRPr/>
            </a:pPr>
            <a:endParaRPr lang="en-CA" sz="18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2182036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A682F72F-8E37-904D-8F87-C4C23F3C3937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7728846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1" name="Slide Image Placeholder 1">
            <a:extLst>
              <a:ext uri="{FF2B5EF4-FFF2-40B4-BE49-F238E27FC236}">
                <a16:creationId xmlns:a16="http://schemas.microsoft.com/office/drawing/2014/main" id="{4F27E566-2977-4545-A541-7D31789CF3EE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5602" name="Notes Placeholder 2">
            <a:extLst>
              <a:ext uri="{FF2B5EF4-FFF2-40B4-BE49-F238E27FC236}">
                <a16:creationId xmlns:a16="http://schemas.microsoft.com/office/drawing/2014/main" id="{48263B69-FBB3-4B47-8B6F-DA3958BDE07A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marL="342900" indent="-342900" eaLnBrk="1" hangingPunct="1">
              <a:spcBef>
                <a:spcPct val="0"/>
              </a:spcBef>
              <a:buFont typeface="Wingdings" panose="05000000000000000000" pitchFamily="2" charset="2"/>
              <a:buChar char="q"/>
            </a:pPr>
            <a:endParaRPr lang="en-US" altLang="en-US" dirty="0"/>
          </a:p>
        </p:txBody>
      </p:sp>
      <p:sp>
        <p:nvSpPr>
          <p:cNvPr id="25603" name="Slide Number Placeholder 3">
            <a:extLst>
              <a:ext uri="{FF2B5EF4-FFF2-40B4-BE49-F238E27FC236}">
                <a16:creationId xmlns:a16="http://schemas.microsoft.com/office/drawing/2014/main" id="{1EE39E6D-8B0B-E745-9E74-7ADBB49FED45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defTabSz="1827213" fontAlgn="base">
              <a:spcBef>
                <a:spcPct val="0"/>
              </a:spcBef>
              <a:spcAft>
                <a:spcPct val="0"/>
              </a:spcAft>
            </a:pPr>
            <a:fld id="{D8CAF9ED-C508-2A48-8AC2-15EA39B26469}" type="slidenum">
              <a:rPr lang="en-US" altLang="en-US" sz="1200" smtClean="0">
                <a:latin typeface="Calibri" panose="020F0502020204030204" pitchFamily="34" charset="0"/>
              </a:rPr>
              <a:pPr defTabSz="1827213" fontAlgn="base">
                <a:spcBef>
                  <a:spcPct val="0"/>
                </a:spcBef>
                <a:spcAft>
                  <a:spcPct val="0"/>
                </a:spcAft>
              </a:pPr>
              <a:t>2</a:t>
            </a:fld>
            <a:endParaRPr lang="en-US" altLang="en-US" sz="120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25956333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 algn="l" fontAlgn="ctr">
              <a:buFont typeface="Wingdings" panose="05000000000000000000" pitchFamily="2" charset="2"/>
              <a:buNone/>
            </a:pPr>
            <a:endParaRPr lang="en-US" sz="2400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5347177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8895325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Arial" panose="020B0604020202020204" pitchFamily="34" charset="0"/>
              <a:buChar char="•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9782459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endParaRPr lang="en-CA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613734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21372254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endParaRPr lang="en-CA" altLang="en-US" sz="24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227604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marR="0" lvl="0" indent="-342900" algn="l" defTabSz="1827213" rtl="0" eaLnBrk="0" fontAlgn="base" latinLnBrk="0" hangingPunct="0">
              <a:lnSpc>
                <a:spcPct val="150000"/>
              </a:lnSpc>
              <a:spcBef>
                <a:spcPct val="30000"/>
              </a:spcBef>
              <a:spcAft>
                <a:spcPct val="0"/>
              </a:spcAft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  <a:tabLst/>
              <a:defRPr/>
            </a:pPr>
            <a:endParaRPr lang="en-CA" altLang="en-US" sz="24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083671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em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Business Banking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logo">
            <a:extLst>
              <a:ext uri="{FF2B5EF4-FFF2-40B4-BE49-F238E27FC236}">
                <a16:creationId xmlns:a16="http://schemas.microsoft.com/office/drawing/2014/main" id="{77766A63-67E5-7A4F-88A7-2ECF81D35D6E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64032" y="12604830"/>
            <a:ext cx="3918380" cy="11107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1303957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French Scotiabank GBM logo">
            <a:extLst>
              <a:ext uri="{FF2B5EF4-FFF2-40B4-BE49-F238E27FC236}">
                <a16:creationId xmlns:a16="http://schemas.microsoft.com/office/drawing/2014/main" id="{460D8634-9627-7143-A1A5-BC50DC8BD95C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621173" y="12267434"/>
            <a:ext cx="4761240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6007317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W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59DFB8D7-3E8C-044A-ADD2-42621DA476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0DAC3504-D535-A34B-A0E6-C47A0B0FBDE4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3" name="Picture 4" descr="SWM logo">
            <a:extLst>
              <a:ext uri="{FF2B5EF4-FFF2-40B4-BE49-F238E27FC236}">
                <a16:creationId xmlns:a16="http://schemas.microsoft.com/office/drawing/2014/main" id="{0EB922FA-1ADD-D34F-98BD-8F410A43A4F9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76431" y="12644822"/>
            <a:ext cx="7805982" cy="1071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555826961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W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2A82491F-F095-1B4A-B18E-D4B5424A9B5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18E45DFA-574E-6049-AFBF-1D7DF2063823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WM logo">
            <a:extLst>
              <a:ext uri="{FF2B5EF4-FFF2-40B4-BE49-F238E27FC236}">
                <a16:creationId xmlns:a16="http://schemas.microsoft.com/office/drawing/2014/main" id="{710B5135-D283-AB47-91CE-0CCFEB26EB83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76431" y="12644822"/>
            <a:ext cx="7805982" cy="1071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45532765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SW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59DFB8D7-3E8C-044A-ADD2-42621DA476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0DAC3504-D535-A34B-A0E6-C47A0B0FBDE4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 Wealth Management French logo">
            <a:extLst>
              <a:ext uri="{FF2B5EF4-FFF2-40B4-BE49-F238E27FC236}">
                <a16:creationId xmlns:a16="http://schemas.microsoft.com/office/drawing/2014/main" id="{65A07CC5-38D9-C24A-9C71-F6223E588F60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6576430" y="12686023"/>
            <a:ext cx="7805982" cy="1029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904486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SW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2A82491F-F095-1B4A-B18E-D4B5424A9B5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18E45DFA-574E-6049-AFBF-1D7DF2063823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cotia Wealth Management French logo">
            <a:extLst>
              <a:ext uri="{FF2B5EF4-FFF2-40B4-BE49-F238E27FC236}">
                <a16:creationId xmlns:a16="http://schemas.microsoft.com/office/drawing/2014/main" id="{9094333C-8F0F-4B4E-B19C-2420B2F399C3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6576430" y="12686023"/>
            <a:ext cx="7805982" cy="1029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1811696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left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3">
            <a:extLst>
              <a:ext uri="{FF2B5EF4-FFF2-40B4-BE49-F238E27FC236}">
                <a16:creationId xmlns:a16="http://schemas.microsoft.com/office/drawing/2014/main" id="{D08F1926-FB7E-EE45-8511-58ED55C9A0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3" name="Rectangle 2">
              <a:extLst>
                <a:ext uri="{FF2B5EF4-FFF2-40B4-BE49-F238E27FC236}">
                  <a16:creationId xmlns:a16="http://schemas.microsoft.com/office/drawing/2014/main" id="{6A0E7A5A-5493-6447-8364-38C42F44AA58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4" name="Picture 5">
              <a:extLst>
                <a:ext uri="{FF2B5EF4-FFF2-40B4-BE49-F238E27FC236}">
                  <a16:creationId xmlns:a16="http://schemas.microsoft.com/office/drawing/2014/main" id="{A0382225-910C-B74A-9B70-584AD48B4547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5" name="TextBox 4">
            <a:extLst>
              <a:ext uri="{FF2B5EF4-FFF2-40B4-BE49-F238E27FC236}">
                <a16:creationId xmlns:a16="http://schemas.microsoft.com/office/drawing/2014/main" id="{E2D91D02-CCA3-A542-8216-A6AF43AB954D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83A4A6F-2580-D44E-BB9D-691887589EE7}" type="slidenum">
              <a:rPr lang="en-CA" sz="1600" smtClean="0">
                <a:solidFill>
                  <a:schemeClr val="tx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tx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72640703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top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4066F933-E296-7D48-BD44-F855B9ED0FE3}"/>
              </a:ext>
            </a:extLst>
          </p:cNvPr>
          <p:cNvSpPr/>
          <p:nvPr userDrawn="1"/>
        </p:nvSpPr>
        <p:spPr>
          <a:xfrm>
            <a:off x="23599833" y="13079081"/>
            <a:ext cx="782581" cy="492443"/>
          </a:xfrm>
          <a:prstGeom prst="rect">
            <a:avLst/>
          </a:prstGeom>
          <a:solidFill>
            <a:srgbClr val="EC111A"/>
          </a:solidFill>
          <a:ln w="12700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0" tIns="0" rIns="0" bIns="0" spcCol="38100" anchor="ctr">
            <a:spAutoFit/>
          </a:bodyPr>
          <a:lstStyle/>
          <a:p>
            <a:pPr algn="ctr" defTabSz="825500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3200" dirty="0">
              <a:solidFill>
                <a:srgbClr val="FFFFFF"/>
              </a:solidFill>
              <a:latin typeface="Scotia Regular" panose="020B0503020203020204" pitchFamily="34" charset="0"/>
              <a:ea typeface="+mn-ea"/>
              <a:cs typeface="+mn-cs"/>
              <a:sym typeface="Gilroy Medium"/>
            </a:endParaRPr>
          </a:p>
        </p:txBody>
      </p:sp>
      <p:pic>
        <p:nvPicPr>
          <p:cNvPr id="3" name="Picture 4">
            <a:extLst>
              <a:ext uri="{FF2B5EF4-FFF2-40B4-BE49-F238E27FC236}">
                <a16:creationId xmlns:a16="http://schemas.microsoft.com/office/drawing/2014/main" id="{34C930AC-C843-554A-BD4A-57622890F780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828375" y="13147675"/>
            <a:ext cx="325438" cy="35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>
            <a:extLst>
              <a:ext uri="{FF2B5EF4-FFF2-40B4-BE49-F238E27FC236}">
                <a16:creationId xmlns:a16="http://schemas.microsoft.com/office/drawing/2014/main" id="{325E229B-A5CE-ED42-AC72-CAD44A7879BF}"/>
              </a:ext>
            </a:extLst>
          </p:cNvPr>
          <p:cNvSpPr/>
          <p:nvPr userDrawn="1"/>
        </p:nvSpPr>
        <p:spPr>
          <a:xfrm flipV="1">
            <a:off x="0" y="3855578"/>
            <a:ext cx="24382413" cy="9860421"/>
          </a:xfrm>
          <a:prstGeom prst="rect">
            <a:avLst/>
          </a:prstGeom>
          <a:solidFill>
            <a:schemeClr val="bg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>
            <a:spAutoFit/>
          </a:bodyPr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5" name="TextBox 7">
            <a:extLst>
              <a:ext uri="{FF2B5EF4-FFF2-40B4-BE49-F238E27FC236}">
                <a16:creationId xmlns:a16="http://schemas.microsoft.com/office/drawing/2014/main" id="{A7E2F2BB-DE18-464F-82E0-6F12302ADFBE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4F58CD8-1ABF-1E40-BA72-BAA726071C2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6" name="Group 7">
            <a:extLst>
              <a:ext uri="{FF2B5EF4-FFF2-40B4-BE49-F238E27FC236}">
                <a16:creationId xmlns:a16="http://schemas.microsoft.com/office/drawing/2014/main" id="{DFA8448A-D7CC-4B4D-A977-6E111E411A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7" name="Rectangle 6">
              <a:extLst>
                <a:ext uri="{FF2B5EF4-FFF2-40B4-BE49-F238E27FC236}">
                  <a16:creationId xmlns:a16="http://schemas.microsoft.com/office/drawing/2014/main" id="{F0E2A7B6-7415-9F4B-9357-89BEA6D914B2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8" name="Picture 9">
              <a:extLst>
                <a:ext uri="{FF2B5EF4-FFF2-40B4-BE49-F238E27FC236}">
                  <a16:creationId xmlns:a16="http://schemas.microsoft.com/office/drawing/2014/main" id="{FA0A55C8-E0A2-1E4E-A32F-1EFCE1011A19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2278274199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2 (top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ECE80C0F-BA9A-414F-9E64-D6FAA81F9202}"/>
              </a:ext>
            </a:extLst>
          </p:cNvPr>
          <p:cNvSpPr/>
          <p:nvPr userDrawn="1"/>
        </p:nvSpPr>
        <p:spPr>
          <a:xfrm>
            <a:off x="23599833" y="13079081"/>
            <a:ext cx="782581" cy="492443"/>
          </a:xfrm>
          <a:prstGeom prst="rect">
            <a:avLst/>
          </a:prstGeom>
          <a:solidFill>
            <a:srgbClr val="EC111A"/>
          </a:solidFill>
          <a:ln w="12700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0" tIns="0" rIns="0" bIns="0" spcCol="38100" anchor="ctr">
            <a:spAutoFit/>
          </a:bodyPr>
          <a:lstStyle/>
          <a:p>
            <a:pPr algn="ctr" defTabSz="825500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3200" dirty="0">
              <a:solidFill>
                <a:srgbClr val="FFFFFF"/>
              </a:solidFill>
              <a:latin typeface="Scotia Regular" panose="020B0503020203020204" pitchFamily="34" charset="0"/>
              <a:ea typeface="+mn-ea"/>
              <a:cs typeface="+mn-cs"/>
              <a:sym typeface="Gilroy Medium"/>
            </a:endParaRPr>
          </a:p>
        </p:txBody>
      </p:sp>
      <p:pic>
        <p:nvPicPr>
          <p:cNvPr id="3" name="Picture 4">
            <a:extLst>
              <a:ext uri="{FF2B5EF4-FFF2-40B4-BE49-F238E27FC236}">
                <a16:creationId xmlns:a16="http://schemas.microsoft.com/office/drawing/2014/main" id="{4A221FD1-0BCA-9F44-9F69-B881B8999397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828375" y="13147675"/>
            <a:ext cx="325438" cy="35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extBox 7">
            <a:extLst>
              <a:ext uri="{FF2B5EF4-FFF2-40B4-BE49-F238E27FC236}">
                <a16:creationId xmlns:a16="http://schemas.microsoft.com/office/drawing/2014/main" id="{5D30E9B3-B2E4-E64C-9CEF-554DA23CB3DA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B6BD6B86-C031-5043-87F1-CCF77E7CF329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6">
            <a:extLst>
              <a:ext uri="{FF2B5EF4-FFF2-40B4-BE49-F238E27FC236}">
                <a16:creationId xmlns:a16="http://schemas.microsoft.com/office/drawing/2014/main" id="{A46D0924-28E9-F64C-AE07-2282327AA456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25AA6B7C-B9EE-FA43-87EE-5F70CD3ED963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8">
              <a:extLst>
                <a:ext uri="{FF2B5EF4-FFF2-40B4-BE49-F238E27FC236}">
                  <a16:creationId xmlns:a16="http://schemas.microsoft.com/office/drawing/2014/main" id="{CC6EB432-511D-4345-9FA1-CBEE1CB0B38A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489872020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right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DDBFD2FC-39A8-9648-BC58-D372B2EA86C9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7F185CA0-3685-8944-9BCC-66E583A78BF3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60C2666B-3084-6547-AAE4-9AC0C578738A}"/>
              </a:ext>
            </a:extLst>
          </p:cNvPr>
          <p:cNvSpPr/>
          <p:nvPr userDrawn="1"/>
        </p:nvSpPr>
        <p:spPr>
          <a:xfrm flipH="1">
            <a:off x="0" y="0"/>
            <a:ext cx="12165013" cy="137144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 sz="7200" dirty="0">
              <a:latin typeface="Scotia Regular" panose="020B0503020203020204" pitchFamily="34" charset="0"/>
            </a:endParaRPr>
          </a:p>
        </p:txBody>
      </p:sp>
      <p:sp>
        <p:nvSpPr>
          <p:cNvPr id="4" name="TextBox 7">
            <a:extLst>
              <a:ext uri="{FF2B5EF4-FFF2-40B4-BE49-F238E27FC236}">
                <a16:creationId xmlns:a16="http://schemas.microsoft.com/office/drawing/2014/main" id="{06B48CF9-CC4B-154B-89FE-1C283992BFD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12B24AE-39B6-C641-8730-191EBB464B0C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6">
            <a:extLst>
              <a:ext uri="{FF2B5EF4-FFF2-40B4-BE49-F238E27FC236}">
                <a16:creationId xmlns:a16="http://schemas.microsoft.com/office/drawing/2014/main" id="{392BCE5D-FD21-9341-A255-9DB41A42B30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05358258-2DAD-9846-9F93-3F31C6B2E59A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8">
              <a:extLst>
                <a:ext uri="{FF2B5EF4-FFF2-40B4-BE49-F238E27FC236}">
                  <a16:creationId xmlns:a16="http://schemas.microsoft.com/office/drawing/2014/main" id="{0321C711-8570-F24E-A26B-669204781148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89970184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colour background -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5C2D6DEC-BC87-7B4A-80B0-D859865B85A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3171123">
            <a:off x="18105783" y="-2659414"/>
            <a:ext cx="5513791" cy="6056429"/>
          </a:xfrm>
          <a:custGeom>
            <a:avLst/>
            <a:gdLst>
              <a:gd name="connsiteX0" fmla="*/ 4588413 w 5513791"/>
              <a:gd name="connsiteY0" fmla="*/ 0 h 6056429"/>
              <a:gd name="connsiteX1" fmla="*/ 5513791 w 5513791"/>
              <a:gd name="connsiteY1" fmla="*/ 701076 h 6056429"/>
              <a:gd name="connsiteX2" fmla="*/ 4619875 w 5513791"/>
              <a:gd name="connsiteY2" fmla="*/ 5956818 h 6056429"/>
              <a:gd name="connsiteX3" fmla="*/ 4285917 w 5513791"/>
              <a:gd name="connsiteY3" fmla="*/ 5888105 h 6056429"/>
              <a:gd name="connsiteX4" fmla="*/ 2276717 w 5513791"/>
              <a:gd name="connsiteY4" fmla="*/ 5742529 h 6056429"/>
              <a:gd name="connsiteX5" fmla="*/ 276929 w 5513791"/>
              <a:gd name="connsiteY5" fmla="*/ 5985305 h 6056429"/>
              <a:gd name="connsiteX6" fmla="*/ 0 w 5513791"/>
              <a:gd name="connsiteY6" fmla="*/ 6056429 h 605642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513791" h="6056429">
                <a:moveTo>
                  <a:pt x="4588413" y="0"/>
                </a:moveTo>
                <a:lnTo>
                  <a:pt x="5513791" y="701076"/>
                </a:lnTo>
                <a:lnTo>
                  <a:pt x="4619875" y="5956818"/>
                </a:lnTo>
                <a:lnTo>
                  <a:pt x="4285917" y="5888105"/>
                </a:lnTo>
                <a:cubicBezTo>
                  <a:pt x="3666787" y="5778007"/>
                  <a:pt x="2987743" y="5725290"/>
                  <a:pt x="2276717" y="5742529"/>
                </a:cubicBezTo>
                <a:cubicBezTo>
                  <a:pt x="1565695" y="5759766"/>
                  <a:pt x="889999" y="5845331"/>
                  <a:pt x="276929" y="5985305"/>
                </a:cubicBezTo>
                <a:lnTo>
                  <a:pt x="0" y="6056429"/>
                </a:lnTo>
                <a:close/>
              </a:path>
            </a:pathLst>
          </a:custGeom>
          <a:solidFill>
            <a:schemeClr val="tx1"/>
          </a:solidFill>
          <a:ln w="571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336B90B3-EB7D-1947-9C4F-6ABF59E4A3A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4D572E1-D7F9-754D-9D13-F0BB386B7865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5AD9FD8E-4D43-D74B-B9E3-D8909239C982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0" name="Freeform 9">
            <a:extLst>
              <a:ext uri="{FF2B5EF4-FFF2-40B4-BE49-F238E27FC236}">
                <a16:creationId xmlns:a16="http://schemas.microsoft.com/office/drawing/2014/main" id="{756DF2C2-E3B3-DA44-9FAA-C8A5BEE8F61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10800000">
            <a:off x="-70338" y="11151252"/>
            <a:ext cx="8979876" cy="2611639"/>
          </a:xfrm>
          <a:custGeom>
            <a:avLst/>
            <a:gdLst>
              <a:gd name="connsiteX0" fmla="*/ 7474347 w 7492720"/>
              <a:gd name="connsiteY0" fmla="*/ 2179126 h 2179126"/>
              <a:gd name="connsiteX1" fmla="*/ 0 w 7492720"/>
              <a:gd name="connsiteY1" fmla="*/ 2166583 h 2179126"/>
              <a:gd name="connsiteX2" fmla="*/ 2030292 w 7492720"/>
              <a:gd name="connsiteY2" fmla="*/ 0 h 2179126"/>
              <a:gd name="connsiteX3" fmla="*/ 7492720 w 7492720"/>
              <a:gd name="connsiteY3" fmla="*/ 0 h 217912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492720" h="2179126">
                <a:moveTo>
                  <a:pt x="7474347" y="2179126"/>
                </a:moveTo>
                <a:lnTo>
                  <a:pt x="0" y="2166583"/>
                </a:lnTo>
                <a:lnTo>
                  <a:pt x="2030292" y="0"/>
                </a:lnTo>
                <a:lnTo>
                  <a:pt x="7492720" y="0"/>
                </a:lnTo>
                <a:close/>
              </a:path>
            </a:pathLst>
          </a:custGeom>
          <a:noFill/>
          <a:ln w="63500">
            <a:solidFill>
              <a:srgbClr val="A6000E">
                <a:alpha val="55000"/>
              </a:srgb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BAEB9E4-111C-DD40-8E26-07C01A8A5E7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108A3F4E-2D17-7E4C-AA05-51754C3B5A0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0BAE0B27-C779-EF43-9F6F-BA53864FA85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4176E5E6-55DE-444E-B538-91C1CD0AB71D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357833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Business Banking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893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cotiabank logo">
            <a:extLst>
              <a:ext uri="{FF2B5EF4-FFF2-40B4-BE49-F238E27FC236}">
                <a16:creationId xmlns:a16="http://schemas.microsoft.com/office/drawing/2014/main" id="{71250480-0E4C-3B44-9046-A4F7228484CF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64032" y="12604830"/>
            <a:ext cx="3918380" cy="11107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75870811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Full colour background -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5C2D6DEC-BC87-7B4A-80B0-D859865B85A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3171123">
            <a:off x="18105783" y="-2659414"/>
            <a:ext cx="5513791" cy="6056429"/>
          </a:xfrm>
          <a:custGeom>
            <a:avLst/>
            <a:gdLst>
              <a:gd name="connsiteX0" fmla="*/ 4588413 w 5513791"/>
              <a:gd name="connsiteY0" fmla="*/ 0 h 6056429"/>
              <a:gd name="connsiteX1" fmla="*/ 5513791 w 5513791"/>
              <a:gd name="connsiteY1" fmla="*/ 701076 h 6056429"/>
              <a:gd name="connsiteX2" fmla="*/ 4619875 w 5513791"/>
              <a:gd name="connsiteY2" fmla="*/ 5956818 h 6056429"/>
              <a:gd name="connsiteX3" fmla="*/ 4285917 w 5513791"/>
              <a:gd name="connsiteY3" fmla="*/ 5888105 h 6056429"/>
              <a:gd name="connsiteX4" fmla="*/ 2276717 w 5513791"/>
              <a:gd name="connsiteY4" fmla="*/ 5742529 h 6056429"/>
              <a:gd name="connsiteX5" fmla="*/ 276929 w 5513791"/>
              <a:gd name="connsiteY5" fmla="*/ 5985305 h 6056429"/>
              <a:gd name="connsiteX6" fmla="*/ 0 w 5513791"/>
              <a:gd name="connsiteY6" fmla="*/ 6056429 h 605642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513791" h="6056429">
                <a:moveTo>
                  <a:pt x="4588413" y="0"/>
                </a:moveTo>
                <a:lnTo>
                  <a:pt x="5513791" y="701076"/>
                </a:lnTo>
                <a:lnTo>
                  <a:pt x="4619875" y="5956818"/>
                </a:lnTo>
                <a:lnTo>
                  <a:pt x="4285917" y="5888105"/>
                </a:lnTo>
                <a:cubicBezTo>
                  <a:pt x="3666787" y="5778007"/>
                  <a:pt x="2987743" y="5725290"/>
                  <a:pt x="2276717" y="5742529"/>
                </a:cubicBezTo>
                <a:cubicBezTo>
                  <a:pt x="1565695" y="5759766"/>
                  <a:pt x="889999" y="5845331"/>
                  <a:pt x="276929" y="5985305"/>
                </a:cubicBezTo>
                <a:lnTo>
                  <a:pt x="0" y="6056429"/>
                </a:lnTo>
                <a:close/>
              </a:path>
            </a:pathLst>
          </a:custGeom>
          <a:solidFill>
            <a:schemeClr val="tx1"/>
          </a:solidFill>
          <a:ln w="571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336B90B3-EB7D-1947-9C4F-6ABF59E4A3A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4D572E1-D7F9-754D-9D13-F0BB386B7865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5AD9FD8E-4D43-D74B-B9E3-D8909239C982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0" name="Freeform 9">
            <a:extLst>
              <a:ext uri="{FF2B5EF4-FFF2-40B4-BE49-F238E27FC236}">
                <a16:creationId xmlns:a16="http://schemas.microsoft.com/office/drawing/2014/main" id="{756DF2C2-E3B3-DA44-9FAA-C8A5BEE8F61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10800000">
            <a:off x="-70338" y="11151252"/>
            <a:ext cx="8979876" cy="2611639"/>
          </a:xfrm>
          <a:custGeom>
            <a:avLst/>
            <a:gdLst>
              <a:gd name="connsiteX0" fmla="*/ 7474347 w 7492720"/>
              <a:gd name="connsiteY0" fmla="*/ 2179126 h 2179126"/>
              <a:gd name="connsiteX1" fmla="*/ 0 w 7492720"/>
              <a:gd name="connsiteY1" fmla="*/ 2166583 h 2179126"/>
              <a:gd name="connsiteX2" fmla="*/ 2030292 w 7492720"/>
              <a:gd name="connsiteY2" fmla="*/ 0 h 2179126"/>
              <a:gd name="connsiteX3" fmla="*/ 7492720 w 7492720"/>
              <a:gd name="connsiteY3" fmla="*/ 0 h 217912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492720" h="2179126">
                <a:moveTo>
                  <a:pt x="7474347" y="2179126"/>
                </a:moveTo>
                <a:lnTo>
                  <a:pt x="0" y="2166583"/>
                </a:lnTo>
                <a:lnTo>
                  <a:pt x="2030292" y="0"/>
                </a:lnTo>
                <a:lnTo>
                  <a:pt x="7492720" y="0"/>
                </a:lnTo>
                <a:close/>
              </a:path>
            </a:pathLst>
          </a:custGeom>
          <a:noFill/>
          <a:ln w="63500">
            <a:solidFill>
              <a:schemeClr val="bg2">
                <a:alpha val="5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BAEB9E4-111C-DD40-8E26-07C01A8A5E7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108A3F4E-2D17-7E4C-AA05-51754C3B5A0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0BAE0B27-C779-EF43-9F6F-BA53864FA85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4176E5E6-55DE-444E-B538-91C1CD0AB71D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72604361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colour background - No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C474AB09-5E4C-6F40-831B-853557FE652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0C22437-E348-334B-9AD6-762D1FB5F5BF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5CB80D1F-90DA-1F4A-A5D0-99AC6B0B045D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61D686C0-D22B-DE4D-8763-DB2BB56C200F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26D546ED-50D7-D14C-9AEB-38A9EDDE151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874E996-2731-7E4E-ACBB-FEE641FF9B62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EA62AD39-F932-4548-B55C-FE1F5DCEAA15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003100604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(right sid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4FC7F27F-BDC6-0749-9A79-DAA9A559E8D2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C62AB1E8-B06F-A245-BA28-E0F3FE641D24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904B787C-A66F-6F40-8D68-30D80D9BF26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877CB80A-7AB8-0F47-8CFE-1DF44D0792CA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6">
              <a:extLst>
                <a:ext uri="{FF2B5EF4-FFF2-40B4-BE49-F238E27FC236}">
                  <a16:creationId xmlns:a16="http://schemas.microsoft.com/office/drawing/2014/main" id="{761F0DF5-20D6-3E4F-8282-49A6A2D06125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Picture Placeholder 2"/>
          <p:cNvSpPr>
            <a:spLocks noGrp="1"/>
          </p:cNvSpPr>
          <p:nvPr>
            <p:ph type="pic" sz="quarter" idx="10"/>
          </p:nvPr>
        </p:nvSpPr>
        <p:spPr>
          <a:xfrm>
            <a:off x="12210253" y="0"/>
            <a:ext cx="12172160" cy="13716000"/>
          </a:xfrm>
        </p:spPr>
        <p:txBody>
          <a:bodyPr rtlCol="0" anchor="ctr">
            <a:normAutofit/>
          </a:bodyPr>
          <a:lstStyle>
            <a:lvl1pPr marL="0" indent="0" algn="ctr">
              <a:buNone/>
              <a:defRPr>
                <a:solidFill>
                  <a:schemeClr val="bg1"/>
                </a:solidFill>
                <a:latin typeface="Scotia" panose="020B0503020203020204" pitchFamily="34" charset="0"/>
              </a:defRPr>
            </a:lvl1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009146838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(left sid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BEC48BD9-D79A-DE4C-ADEB-D876251553AC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92781DF6-16CA-A74B-A4BE-601DD3277775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780A36EC-1174-1C46-A0A2-AA84E79149FD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4DA377CB-53FB-CD40-8340-893E59E65553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6">
              <a:extLst>
                <a:ext uri="{FF2B5EF4-FFF2-40B4-BE49-F238E27FC236}">
                  <a16:creationId xmlns:a16="http://schemas.microsoft.com/office/drawing/2014/main" id="{C2EA8694-3622-2D4E-B37B-7327AD9F5E7D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Picture Placeholder 2"/>
          <p:cNvSpPr>
            <a:spLocks noGrp="1"/>
          </p:cNvSpPr>
          <p:nvPr>
            <p:ph type="pic" sz="quarter" idx="10"/>
          </p:nvPr>
        </p:nvSpPr>
        <p:spPr>
          <a:xfrm>
            <a:off x="0" y="0"/>
            <a:ext cx="16248592" cy="13716000"/>
          </a:xfrm>
        </p:spPr>
        <p:txBody>
          <a:bodyPr rtlCol="0" anchor="ctr">
            <a:normAutofit/>
          </a:bodyPr>
          <a:lstStyle>
            <a:lvl1pPr marL="0" indent="0" algn="ctr">
              <a:buNone/>
              <a:defRPr b="0" i="0">
                <a:solidFill>
                  <a:schemeClr val="bg1"/>
                </a:solidFill>
                <a:latin typeface="Scotia" panose="020B0503020203020204" pitchFamily="34" charset="0"/>
              </a:defRPr>
            </a:lvl1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922256965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40605415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1_Blank with shapes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95702D01-7D4B-314E-B98E-7F1D6FB5E3D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5400000">
            <a:off x="7196309" y="-2514570"/>
            <a:ext cx="1009196" cy="6038337"/>
          </a:xfrm>
          <a:custGeom>
            <a:avLst/>
            <a:gdLst>
              <a:gd name="connsiteX0" fmla="*/ 0 w 1009196"/>
              <a:gd name="connsiteY0" fmla="*/ 6038337 h 6038337"/>
              <a:gd name="connsiteX1" fmla="*/ 0 w 1009196"/>
              <a:gd name="connsiteY1" fmla="*/ 0 h 6038337"/>
              <a:gd name="connsiteX2" fmla="*/ 59497 w 1009196"/>
              <a:gd name="connsiteY2" fmla="*/ 76794 h 6038337"/>
              <a:gd name="connsiteX3" fmla="*/ 1009196 w 1009196"/>
              <a:gd name="connsiteY3" fmla="*/ 3019168 h 6038337"/>
              <a:gd name="connsiteX4" fmla="*/ 59497 w 1009196"/>
              <a:gd name="connsiteY4" fmla="*/ 5961543 h 603833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009196" h="6038337">
                <a:moveTo>
                  <a:pt x="0" y="6038337"/>
                </a:moveTo>
                <a:lnTo>
                  <a:pt x="0" y="0"/>
                </a:lnTo>
                <a:lnTo>
                  <a:pt x="59497" y="76794"/>
                </a:lnTo>
                <a:cubicBezTo>
                  <a:pt x="657047" y="904126"/>
                  <a:pt x="1009196" y="1920510"/>
                  <a:pt x="1009196" y="3019168"/>
                </a:cubicBezTo>
                <a:cubicBezTo>
                  <a:pt x="1009196" y="4117826"/>
                  <a:pt x="657047" y="5134211"/>
                  <a:pt x="59497" y="5961543"/>
                </a:cubicBezTo>
                <a:close/>
              </a:path>
            </a:pathLst>
          </a:custGeom>
          <a:solidFill>
            <a:schemeClr val="bg1"/>
          </a:solidFill>
          <a:ln w="762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 w="0"/>
              <a:solidFill>
                <a:schemeClr val="accent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sp>
        <p:nvSpPr>
          <p:cNvPr id="23" name="Freeform 22">
            <a:extLst>
              <a:ext uri="{FF2B5EF4-FFF2-40B4-BE49-F238E27FC236}">
                <a16:creationId xmlns:a16="http://schemas.microsoft.com/office/drawing/2014/main" id="{AC1E8583-5EEB-9147-B806-E52ABF81BBF4}"/>
              </a:ext>
            </a:extLst>
          </p:cNvPr>
          <p:cNvSpPr/>
          <p:nvPr userDrawn="1"/>
        </p:nvSpPr>
        <p:spPr>
          <a:xfrm>
            <a:off x="17815534" y="7315200"/>
            <a:ext cx="6634611" cy="6451600"/>
          </a:xfrm>
          <a:custGeom>
            <a:avLst/>
            <a:gdLst>
              <a:gd name="connsiteX0" fmla="*/ 7770809 w 7770809"/>
              <a:gd name="connsiteY0" fmla="*/ 0 h 7556457"/>
              <a:gd name="connsiteX1" fmla="*/ 7770809 w 7770809"/>
              <a:gd name="connsiteY1" fmla="*/ 7540269 h 7556457"/>
              <a:gd name="connsiteX2" fmla="*/ 7750893 w 7770809"/>
              <a:gd name="connsiteY2" fmla="*/ 7556457 h 7556457"/>
              <a:gd name="connsiteX3" fmla="*/ 0 w 7770809"/>
              <a:gd name="connsiteY3" fmla="*/ 7556457 h 7556457"/>
              <a:gd name="connsiteX4" fmla="*/ 0 w 7770809"/>
              <a:gd name="connsiteY4" fmla="*/ 3571495 h 7556457"/>
              <a:gd name="connsiteX5" fmla="*/ 126889 w 7770809"/>
              <a:gd name="connsiteY5" fmla="*/ 3575639 h 7556457"/>
              <a:gd name="connsiteX6" fmla="*/ 7735265 w 7770809"/>
              <a:gd name="connsiteY6" fmla="*/ 43153 h 75564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7770809" h="7556457">
                <a:moveTo>
                  <a:pt x="7770809" y="0"/>
                </a:moveTo>
                <a:lnTo>
                  <a:pt x="7770809" y="7540269"/>
                </a:lnTo>
                <a:lnTo>
                  <a:pt x="7750893" y="7556457"/>
                </a:lnTo>
                <a:lnTo>
                  <a:pt x="0" y="7556457"/>
                </a:lnTo>
                <a:lnTo>
                  <a:pt x="0" y="3571495"/>
                </a:lnTo>
                <a:lnTo>
                  <a:pt x="126889" y="3575639"/>
                </a:lnTo>
                <a:cubicBezTo>
                  <a:pt x="3152735" y="3575639"/>
                  <a:pt x="5870305" y="2210475"/>
                  <a:pt x="7735265" y="43153"/>
                </a:cubicBezTo>
                <a:close/>
              </a:path>
            </a:pathLst>
          </a:custGeom>
          <a:noFill/>
          <a:ln w="635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39269236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v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>
            <a:extLst>
              <a:ext uri="{FF2B5EF4-FFF2-40B4-BE49-F238E27FC236}">
                <a16:creationId xmlns:a16="http://schemas.microsoft.com/office/drawing/2014/main" id="{070216B7-311A-D342-9582-8BA735A42307}"/>
              </a:ext>
            </a:extLst>
          </p:cNvPr>
          <p:cNvSpPr txBox="1"/>
          <p:nvPr userDrawn="1"/>
        </p:nvSpPr>
        <p:spPr>
          <a:xfrm>
            <a:off x="11396129" y="2676940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45E61B8B-765C-7948-8F5A-58D1FC191D97}"/>
              </a:ext>
            </a:extLst>
          </p:cNvPr>
          <p:cNvSpPr/>
          <p:nvPr userDrawn="1"/>
        </p:nvSpPr>
        <p:spPr>
          <a:xfrm>
            <a:off x="20168498" y="12635844"/>
            <a:ext cx="4213914" cy="738648"/>
          </a:xfrm>
          <a:prstGeom prst="rect">
            <a:avLst/>
          </a:prstGeom>
          <a:solidFill>
            <a:schemeClr val="tx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91432" tIns="91432" rIns="91432" bIns="91432" numCol="1" spcCol="38100" rtlCol="0" anchor="ctr">
            <a:spAutoFit/>
          </a:bodyPr>
          <a:lstStyle/>
          <a:p>
            <a:pPr hangingPunct="0"/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03685748-094C-8744-807A-D8ECD517BBDE}"/>
              </a:ext>
            </a:extLst>
          </p:cNvPr>
          <p:cNvSpPr/>
          <p:nvPr userDrawn="1"/>
        </p:nvSpPr>
        <p:spPr>
          <a:xfrm>
            <a:off x="20116800" y="12313920"/>
            <a:ext cx="4265612" cy="1402080"/>
          </a:xfrm>
          <a:prstGeom prst="rect">
            <a:avLst/>
          </a:prstGeom>
          <a:solidFill>
            <a:schemeClr val="tx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91432" tIns="91432" rIns="91432" bIns="91432" numCol="1" spcCol="38100" rtlCol="0" anchor="ctr">
            <a:spAutoFit/>
          </a:bodyPr>
          <a:lstStyle/>
          <a:p>
            <a:pPr hangingPunct="0"/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D4D71426-98BF-C048-B65E-7A60DA4C701B}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20624915" y="12743909"/>
            <a:ext cx="3342918" cy="47756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9304238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Business Banking Cover - Black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8" name="Picture 7" descr="Scotiabank French logo">
            <a:extLst>
              <a:ext uri="{FF2B5EF4-FFF2-40B4-BE49-F238E27FC236}">
                <a16:creationId xmlns:a16="http://schemas.microsoft.com/office/drawing/2014/main" id="{4FA75225-4AEB-7544-A57B-FB9C24DC686E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547840" y="12614005"/>
            <a:ext cx="4834572" cy="11015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829794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Business Banking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893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8" name="Picture 7" descr="Scotiabank French logo">
            <a:extLst>
              <a:ext uri="{FF2B5EF4-FFF2-40B4-BE49-F238E27FC236}">
                <a16:creationId xmlns:a16="http://schemas.microsoft.com/office/drawing/2014/main" id="{2997A365-5900-434A-A0BF-ACA3DD5FEC7F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547840" y="12614005"/>
            <a:ext cx="4834572" cy="11015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5043726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GBM logo">
            <a:extLst>
              <a:ext uri="{FF2B5EF4-FFF2-40B4-BE49-F238E27FC236}">
                <a16:creationId xmlns:a16="http://schemas.microsoft.com/office/drawing/2014/main" id="{99847570-70BB-B14E-BB63-29FD691C2F3B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54937" y="12268200"/>
            <a:ext cx="3927475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3737664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GBM logo">
            <a:extLst>
              <a:ext uri="{FF2B5EF4-FFF2-40B4-BE49-F238E27FC236}">
                <a16:creationId xmlns:a16="http://schemas.microsoft.com/office/drawing/2014/main" id="{889B05FD-A090-A641-9AEC-CB8B43A7FF06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54937" y="12268200"/>
            <a:ext cx="3927475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523319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4" name="Picture 3" descr="Spanish Scotiabank GBM logo">
            <a:extLst>
              <a:ext uri="{FF2B5EF4-FFF2-40B4-BE49-F238E27FC236}">
                <a16:creationId xmlns:a16="http://schemas.microsoft.com/office/drawing/2014/main" id="{CDE4CE1D-FAEE-324A-97A6-E56C04F92524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32374" y="12267881"/>
            <a:ext cx="3927474" cy="1448119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99612FBA-923A-604F-903B-AC144AD6E5C6}"/>
              </a:ext>
            </a:extLst>
          </p:cNvPr>
          <p:cNvSpPr txBox="1"/>
          <p:nvPr userDrawn="1"/>
        </p:nvSpPr>
        <p:spPr>
          <a:xfrm>
            <a:off x="22957971" y="-1273629"/>
            <a:ext cx="65" cy="59247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US" sz="2800" dirty="0"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853467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panish Scotiabank GBM logo">
            <a:extLst>
              <a:ext uri="{FF2B5EF4-FFF2-40B4-BE49-F238E27FC236}">
                <a16:creationId xmlns:a16="http://schemas.microsoft.com/office/drawing/2014/main" id="{C1FB7F95-E23D-EB4F-AEF9-A84817035B73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32374" y="12267881"/>
            <a:ext cx="3927474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4174845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99612FBA-923A-604F-903B-AC144AD6E5C6}"/>
              </a:ext>
            </a:extLst>
          </p:cNvPr>
          <p:cNvSpPr txBox="1"/>
          <p:nvPr userDrawn="1"/>
        </p:nvSpPr>
        <p:spPr>
          <a:xfrm>
            <a:off x="22957971" y="-1273629"/>
            <a:ext cx="65" cy="59247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US" sz="2800" dirty="0">
              <a:latin typeface="Scotia" panose="020B0503020203020204" pitchFamily="34" charset="0"/>
            </a:endParaRPr>
          </a:p>
        </p:txBody>
      </p:sp>
      <p:pic>
        <p:nvPicPr>
          <p:cNvPr id="5" name="Picture 4" descr="French Scotiabank GBM logo">
            <a:extLst>
              <a:ext uri="{FF2B5EF4-FFF2-40B4-BE49-F238E27FC236}">
                <a16:creationId xmlns:a16="http://schemas.microsoft.com/office/drawing/2014/main" id="{98307C95-7F7D-E343-BF07-5CEFD722EC49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621173" y="12267434"/>
            <a:ext cx="4761240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971766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>
            <a:extLst>
              <a:ext uri="{FF2B5EF4-FFF2-40B4-BE49-F238E27FC236}">
                <a16:creationId xmlns:a16="http://schemas.microsoft.com/office/drawing/2014/main" id="{68E8145B-89A6-1F4B-94DF-57C1143D3B71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 bwMode="auto">
          <a:xfrm>
            <a:off x="1676400" y="730250"/>
            <a:ext cx="21029613" cy="2651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dirty="0"/>
              <a:t>Click to edit Master title style</a:t>
            </a:r>
          </a:p>
        </p:txBody>
      </p:sp>
      <p:sp>
        <p:nvSpPr>
          <p:cNvPr id="1027" name="Text Placeholder 2">
            <a:extLst>
              <a:ext uri="{FF2B5EF4-FFF2-40B4-BE49-F238E27FC236}">
                <a16:creationId xmlns:a16="http://schemas.microsoft.com/office/drawing/2014/main" id="{BE87B046-3A19-7540-8A85-F58030083DD9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xfrm>
            <a:off x="1676400" y="3651250"/>
            <a:ext cx="21029613" cy="870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1"/>
            <a:r>
              <a:rPr lang="en-US" altLang="en-US" dirty="0"/>
              <a:t>Edit Master Second level</a:t>
            </a:r>
          </a:p>
          <a:p>
            <a:pPr lvl="2"/>
            <a:r>
              <a:rPr lang="en-US" altLang="en-US" dirty="0"/>
              <a:t>Third level</a:t>
            </a:r>
          </a:p>
          <a:p>
            <a:pPr lvl="3"/>
            <a:r>
              <a:rPr lang="en-US" altLang="en-US" dirty="0"/>
              <a:t>Fourth level</a:t>
            </a:r>
          </a:p>
          <a:p>
            <a:pPr lvl="4"/>
            <a:r>
              <a:rPr lang="en-US" altLang="en-US" dirty="0"/>
              <a:t>Fifth level text styles</a:t>
            </a:r>
          </a:p>
          <a:p>
            <a:pPr lvl="1"/>
            <a:endParaRPr lang="en-US" alt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43" r:id="rId1"/>
    <p:sldLayoutId id="2147483744" r:id="rId2"/>
    <p:sldLayoutId id="2147483741" r:id="rId3"/>
    <p:sldLayoutId id="2147483742" r:id="rId4"/>
    <p:sldLayoutId id="2147483728" r:id="rId5"/>
    <p:sldLayoutId id="2147483729" r:id="rId6"/>
    <p:sldLayoutId id="2147483747" r:id="rId7"/>
    <p:sldLayoutId id="2147483748" r:id="rId8"/>
    <p:sldLayoutId id="2147483749" r:id="rId9"/>
    <p:sldLayoutId id="2147483750" r:id="rId10"/>
    <p:sldLayoutId id="2147483730" r:id="rId11"/>
    <p:sldLayoutId id="2147483731" r:id="rId12"/>
    <p:sldLayoutId id="2147483745" r:id="rId13"/>
    <p:sldLayoutId id="2147483746" r:id="rId14"/>
    <p:sldLayoutId id="2147483732" r:id="rId15"/>
    <p:sldLayoutId id="2147483733" r:id="rId16"/>
    <p:sldLayoutId id="2147483734" r:id="rId17"/>
    <p:sldLayoutId id="2147483735" r:id="rId18"/>
    <p:sldLayoutId id="2147483736" r:id="rId19"/>
    <p:sldLayoutId id="2147483751" r:id="rId20"/>
    <p:sldLayoutId id="2147483737" r:id="rId21"/>
    <p:sldLayoutId id="2147483738" r:id="rId22"/>
    <p:sldLayoutId id="2147483739" r:id="rId23"/>
    <p:sldLayoutId id="2147483727" r:id="rId24"/>
    <p:sldLayoutId id="2147483740" r:id="rId25"/>
    <p:sldLayoutId id="2147483752" r:id="rId26"/>
  </p:sldLayoutIdLst>
  <p:txStyles>
    <p:titleStyle>
      <a:lvl1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 kern="1200">
          <a:solidFill>
            <a:schemeClr val="tx1"/>
          </a:solidFill>
          <a:latin typeface="Scotia Light" panose="020B0403020203020204" pitchFamily="34" charset="0"/>
          <a:ea typeface="+mj-ea"/>
          <a:cs typeface="+mj-cs"/>
        </a:defRPr>
      </a:lvl1pPr>
      <a:lvl2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2pPr>
      <a:lvl3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3pPr>
      <a:lvl4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4pPr>
      <a:lvl5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5pPr>
      <a:lvl6pPr marL="4572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6pPr>
      <a:lvl7pPr marL="9144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7pPr>
      <a:lvl8pPr marL="13716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8pPr>
      <a:lvl9pPr marL="18288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9pPr>
    </p:titleStyle>
    <p:bodyStyle>
      <a:lvl1pPr marL="455613" indent="-455613" algn="l" defTabSz="1827213" rtl="0" eaLnBrk="0" fontAlgn="base" hangingPunct="0">
        <a:lnSpc>
          <a:spcPct val="90000"/>
        </a:lnSpc>
        <a:spcBef>
          <a:spcPts val="2000"/>
        </a:spcBef>
        <a:spcAft>
          <a:spcPct val="0"/>
        </a:spcAft>
        <a:buFont typeface="Arial" panose="020B0604020202020204" pitchFamily="34" charset="0"/>
        <a:buChar char="•"/>
        <a:defRPr sz="56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1pPr>
      <a:lvl2pPr marL="13700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48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2pPr>
      <a:lvl3pPr marL="22844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40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3pPr>
      <a:lvl4pPr marL="31988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4pPr>
      <a:lvl5pPr marL="41132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5pPr>
      <a:lvl6pPr marL="5028949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6pPr>
      <a:lvl7pPr marL="5943303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7pPr>
      <a:lvl8pPr marL="6857657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8pPr>
      <a:lvl9pPr marL="7772011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1pPr>
      <a:lvl2pPr marL="914354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2pPr>
      <a:lvl3pPr marL="1828709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3pPr>
      <a:lvl4pPr marL="2743063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4pPr>
      <a:lvl5pPr marL="3657417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5pPr>
      <a:lvl6pPr marL="4571771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6pPr>
      <a:lvl7pPr marL="5486126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7pPr>
      <a:lvl8pPr marL="6400480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8pPr>
      <a:lvl9pPr marL="7314834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5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4.xml"/><Relationship Id="rId4" Type="http://schemas.openxmlformats.org/officeDocument/2006/relationships/chart" Target="../charts/char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4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4.xml"/><Relationship Id="rId4" Type="http://schemas.openxmlformats.org/officeDocument/2006/relationships/image" Target="../media/image14.pn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5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5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5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4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>
            <a:extLst>
              <a:ext uri="{FF2B5EF4-FFF2-40B4-BE49-F238E27FC236}">
                <a16:creationId xmlns:a16="http://schemas.microsoft.com/office/drawing/2014/main" id="{9DD18193-E424-BF4F-9CBD-762968C2B654}"/>
              </a:ext>
            </a:extLst>
          </p:cNvPr>
          <p:cNvSpPr txBox="1"/>
          <p:nvPr/>
        </p:nvSpPr>
        <p:spPr>
          <a:xfrm>
            <a:off x="11396129" y="2677212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8" name="TextBox 6">
            <a:extLst>
              <a:ext uri="{FF2B5EF4-FFF2-40B4-BE49-F238E27FC236}">
                <a16:creationId xmlns:a16="http://schemas.microsoft.com/office/drawing/2014/main" id="{DE3849CF-6831-2C45-BACF-8480D9BE7729}"/>
              </a:ext>
            </a:extLst>
          </p:cNvPr>
          <p:cNvSpPr txBox="1"/>
          <p:nvPr/>
        </p:nvSpPr>
        <p:spPr>
          <a:xfrm>
            <a:off x="1144937" y="3231175"/>
            <a:ext cx="20759099" cy="307776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>
            <a:spAutoFit/>
          </a:bodyPr>
          <a:lstStyle>
            <a:lvl1pPr>
              <a:defRPr sz="7200">
                <a:solidFill>
                  <a:srgbClr val="FFFFFF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2021 Winter Campaign </a:t>
            </a:r>
          </a:p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Post-Campaign Analysis</a:t>
            </a:r>
          </a:p>
        </p:txBody>
      </p:sp>
      <p:sp>
        <p:nvSpPr>
          <p:cNvPr id="12" name="TextBox 7">
            <a:extLst>
              <a:ext uri="{FF2B5EF4-FFF2-40B4-BE49-F238E27FC236}">
                <a16:creationId xmlns:a16="http://schemas.microsoft.com/office/drawing/2014/main" id="{69466487-EB94-DF4E-84A7-0FDC7BFD0CBF}"/>
              </a:ext>
            </a:extLst>
          </p:cNvPr>
          <p:cNvSpPr txBox="1"/>
          <p:nvPr/>
        </p:nvSpPr>
        <p:spPr>
          <a:xfrm>
            <a:off x="1185574" y="8216829"/>
            <a:ext cx="6116098" cy="73866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>
            <a:spAutoFit/>
          </a:bodyPr>
          <a:lstStyle>
            <a:lvl1pPr>
              <a:defRPr sz="1400" b="1">
                <a:solidFill>
                  <a:srgbClr val="FFFFFF"/>
                </a:solidFill>
                <a:latin typeface="Frutiger LT for BNS"/>
                <a:ea typeface="Frutiger LT for BNS"/>
                <a:cs typeface="Frutiger LT for BNS"/>
                <a:sym typeface="Frutiger LT for BNS"/>
              </a:defRPr>
            </a:lvl1pPr>
          </a:lstStyle>
          <a:p>
            <a:r>
              <a:rPr lang="en-US" sz="4800" b="0" dirty="0">
                <a:latin typeface="Scotia" panose="020B0503020203020204" pitchFamily="34" charset="0"/>
              </a:rPr>
              <a:t>Acquisition &amp; Lifecycle</a:t>
            </a: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014412B1-1923-6E47-9F73-CE848F6A1BDE}"/>
              </a:ext>
            </a:extLst>
          </p:cNvPr>
          <p:cNvSpPr txBox="1"/>
          <p:nvPr/>
        </p:nvSpPr>
        <p:spPr>
          <a:xfrm>
            <a:off x="1144937" y="11551025"/>
            <a:ext cx="4097532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>
            <a:spAutoFit/>
          </a:bodyPr>
          <a:lstStyle>
            <a:lvl1pPr algn="r">
              <a:defRPr sz="1400">
                <a:solidFill>
                  <a:srgbClr val="E81D2E"/>
                </a:solidFill>
                <a:latin typeface="Frutiger LT for BNS Light"/>
                <a:ea typeface="Frutiger LT for BNS Light"/>
                <a:cs typeface="Frutiger LT for BNS Light"/>
                <a:sym typeface="Frutiger LT for BNS Light"/>
              </a:defRPr>
            </a:lvl1pPr>
          </a:lstStyle>
          <a:p>
            <a:pPr algn="l"/>
            <a:r>
              <a:rPr lang="en-CA" sz="2800" dirty="0">
                <a:solidFill>
                  <a:schemeClr val="bg2"/>
                </a:solidFill>
                <a:latin typeface="Scotia" panose="020B0503020203020204" pitchFamily="34" charset="0"/>
              </a:rPr>
              <a:t>Prepared by Analytics Team</a:t>
            </a:r>
          </a:p>
          <a:p>
            <a:pPr algn="l"/>
            <a:r>
              <a:rPr lang="en-CA" sz="2800" dirty="0">
                <a:solidFill>
                  <a:schemeClr val="bg2"/>
                </a:solidFill>
                <a:latin typeface="Scotia" panose="020B0503020203020204" pitchFamily="34" charset="0"/>
              </a:rPr>
              <a:t>June, 2021</a:t>
            </a:r>
            <a:endParaRPr sz="2800" dirty="0">
              <a:solidFill>
                <a:schemeClr val="bg2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99876736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0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0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633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r>
              <a:rPr lang="en-CA" altLang="en-US" sz="28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YoY Comparison</a:t>
            </a: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    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YoY Comparison on Assets and Clients</a:t>
            </a:r>
            <a:endParaRPr lang="en-US" altLang="en-US" sz="72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A9E086BD-BDE2-46A9-8D9A-AD4F4CDD4DCE}"/>
              </a:ext>
            </a:extLst>
          </p:cNvPr>
          <p:cNvSpPr/>
          <p:nvPr/>
        </p:nvSpPr>
        <p:spPr>
          <a:xfrm>
            <a:off x="14495473" y="6490005"/>
            <a:ext cx="9121765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21 has the largest number of enrolled clients and qualified clients and the largest amount of assets compared with previous campaigns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ssets increased by 30% from F20, mainly contributed by ABC target group and HVC group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Enrolled clients doubled of F20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Qualified clients increased by 89% from F20.</a:t>
            </a:r>
          </a:p>
        </p:txBody>
      </p:sp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675D0158-DAD1-4B48-97DE-DB5090B89941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70678114"/>
              </p:ext>
            </p:extLst>
          </p:nvPr>
        </p:nvGraphicFramePr>
        <p:xfrm>
          <a:off x="2723322" y="3935178"/>
          <a:ext cx="10748838" cy="72165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44687510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1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1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53377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YoY Comparison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YoY Comparison on Assets and Clients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C20FAE19-565B-4EDA-9F70-21E2EB77DBBA}"/>
              </a:ext>
            </a:extLst>
          </p:cNvPr>
          <p:cNvSpPr txBox="1"/>
          <p:nvPr/>
        </p:nvSpPr>
        <p:spPr>
          <a:xfrm>
            <a:off x="2997502" y="10783311"/>
            <a:ext cx="17777807" cy="165320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spcBef>
                <a:spcPts val="864"/>
              </a:spcBef>
              <a:spcAft>
                <a:spcPts val="0"/>
              </a:spcAft>
              <a:buFont typeface="Wingdings" panose="05000000000000000000" pitchFamily="2" charset="2"/>
              <a:buChar char="q"/>
            </a:pPr>
            <a:r>
              <a:rPr lang="en-CA" sz="2800" dirty="0"/>
              <a:t>Acquisition group doubled qualified clients and they brought in $403MM which was 59% more than F20.</a:t>
            </a:r>
            <a:endParaRPr lang="en-CA" sz="2800" dirty="0">
              <a:latin typeface="+mj-lt"/>
            </a:endParaRP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800" dirty="0"/>
              <a:t>Lifecyle group had a record high qualified clients and they brought in $160MM assets which was 89% of F20.</a:t>
            </a:r>
          </a:p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CA" sz="2800" dirty="0">
              <a:latin typeface="Scotia" panose="020B0503020203020204" pitchFamily="34" charset="0"/>
            </a:endParaRPr>
          </a:p>
        </p:txBody>
      </p:sp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35FAACF6-49D1-4D18-BFDE-4D96315CEBF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201682528"/>
              </p:ext>
            </p:extLst>
          </p:nvPr>
        </p:nvGraphicFramePr>
        <p:xfrm>
          <a:off x="457200" y="2960186"/>
          <a:ext cx="11429206" cy="73205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6" name="Chart 15">
            <a:extLst>
              <a:ext uri="{FF2B5EF4-FFF2-40B4-BE49-F238E27FC236}">
                <a16:creationId xmlns:a16="http://schemas.microsoft.com/office/drawing/2014/main" id="{F6F1C2C9-1348-4F29-AAEC-A7E5E9E945D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44105520"/>
              </p:ext>
            </p:extLst>
          </p:nvPr>
        </p:nvGraphicFramePr>
        <p:xfrm>
          <a:off x="11515612" y="2960185"/>
          <a:ext cx="11156633" cy="73205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:p14="http://schemas.microsoft.com/office/powerpoint/2010/main" val="813857424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-1766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2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2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792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YoY Comparison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YoY Incentive Cost per Client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7DD9F09E-F594-4D49-99D8-E531BCC905AC}"/>
              </a:ext>
            </a:extLst>
          </p:cNvPr>
          <p:cNvSpPr txBox="1"/>
          <p:nvPr/>
        </p:nvSpPr>
        <p:spPr>
          <a:xfrm>
            <a:off x="14962909" y="6246839"/>
            <a:ext cx="8187604" cy="122232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800" dirty="0">
                <a:latin typeface="Scotia Light" panose="020B0403020203020204" pitchFamily="34" charset="0"/>
                <a:ea typeface="Scotia Light" panose="020B0403020203020204" pitchFamily="34" charset="0"/>
              </a:rPr>
              <a:t>Incentive cost per client in F21 exceeded planned cost by 24%; F19 exceeded planned cost by 44%</a:t>
            </a:r>
          </a:p>
        </p:txBody>
      </p:sp>
      <p:graphicFrame>
        <p:nvGraphicFramePr>
          <p:cNvPr id="14" name="Chart 13">
            <a:extLst>
              <a:ext uri="{FF2B5EF4-FFF2-40B4-BE49-F238E27FC236}">
                <a16:creationId xmlns:a16="http://schemas.microsoft.com/office/drawing/2014/main" id="{702E152A-3FA6-47AE-A01C-F47F76646629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24895199"/>
              </p:ext>
            </p:extLst>
          </p:nvPr>
        </p:nvGraphicFramePr>
        <p:xfrm>
          <a:off x="1752600" y="3916729"/>
          <a:ext cx="12100560" cy="71048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0687504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0617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6     </a:t>
            </a:r>
            <a:r>
              <a:rPr lang="en-CA" altLang="en-US" sz="28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Key Learnings Summary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7200" b="0" i="0" u="none" strike="noStrike" kern="120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Key Learnings Summary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pSp>
        <p:nvGrpSpPr>
          <p:cNvPr id="9" name="Group 8">
            <a:extLst>
              <a:ext uri="{FF2B5EF4-FFF2-40B4-BE49-F238E27FC236}">
                <a16:creationId xmlns:a16="http://schemas.microsoft.com/office/drawing/2014/main" id="{361EF1A8-BCE2-4EB3-A157-9C2751E41267}"/>
              </a:ext>
            </a:extLst>
          </p:cNvPr>
          <p:cNvGrpSpPr/>
          <p:nvPr/>
        </p:nvGrpSpPr>
        <p:grpSpPr>
          <a:xfrm>
            <a:off x="11919539" y="3355009"/>
            <a:ext cx="13527073" cy="3776676"/>
            <a:chOff x="11889059" y="3126995"/>
            <a:chExt cx="13527073" cy="3776676"/>
          </a:xfrm>
        </p:grpSpPr>
        <p:sp>
          <p:nvSpPr>
            <p:cNvPr id="11" name="TextBox 10">
              <a:extLst>
                <a:ext uri="{FF2B5EF4-FFF2-40B4-BE49-F238E27FC236}">
                  <a16:creationId xmlns:a16="http://schemas.microsoft.com/office/drawing/2014/main" id="{56EA671E-F294-40C7-BD9D-0BBE3B7F8B46}"/>
                </a:ext>
              </a:extLst>
            </p:cNvPr>
            <p:cNvSpPr txBox="1"/>
            <p:nvPr/>
          </p:nvSpPr>
          <p:spPr>
            <a:xfrm>
              <a:off x="12470653" y="3126995"/>
              <a:ext cx="3980257" cy="49372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400" b="1" i="0" u="none" strike="noStrike" kern="0" cap="none" spc="600" normalizeH="0" baseline="0" noProof="0" dirty="0">
                  <a:ln>
                    <a:noFill/>
                  </a:ln>
                  <a:solidFill>
                    <a:srgbClr val="EC111A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/>
                </a:rPr>
                <a:t>WINTER CAMPAIGN</a:t>
              </a:r>
            </a:p>
          </p:txBody>
        </p:sp>
        <p:grpSp>
          <p:nvGrpSpPr>
            <p:cNvPr id="14" name="Group 13">
              <a:extLst>
                <a:ext uri="{FF2B5EF4-FFF2-40B4-BE49-F238E27FC236}">
                  <a16:creationId xmlns:a16="http://schemas.microsoft.com/office/drawing/2014/main" id="{56298949-487B-44C4-A928-C63361D6EEE3}"/>
                </a:ext>
              </a:extLst>
            </p:cNvPr>
            <p:cNvGrpSpPr/>
            <p:nvPr/>
          </p:nvGrpSpPr>
          <p:grpSpPr>
            <a:xfrm>
              <a:off x="19964957" y="3728307"/>
              <a:ext cx="5451175" cy="3152145"/>
              <a:chOff x="20057925" y="5432331"/>
              <a:chExt cx="5451175" cy="3152145"/>
            </a:xfrm>
          </p:grpSpPr>
          <p:sp>
            <p:nvSpPr>
              <p:cNvPr id="31" name="TextBox 30">
                <a:extLst>
                  <a:ext uri="{FF2B5EF4-FFF2-40B4-BE49-F238E27FC236}">
                    <a16:creationId xmlns:a16="http://schemas.microsoft.com/office/drawing/2014/main" id="{11BF1560-8D90-4511-9CE8-D666E04C1AB1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2" name="Rectangle 31">
                <a:extLst>
                  <a:ext uri="{FF2B5EF4-FFF2-40B4-BE49-F238E27FC236}">
                    <a16:creationId xmlns:a16="http://schemas.microsoft.com/office/drawing/2014/main" id="{1B90F2CF-1E55-405F-BF19-F75B698AF191}"/>
                  </a:ext>
                </a:extLst>
              </p:cNvPr>
              <p:cNvSpPr/>
              <p:nvPr/>
            </p:nvSpPr>
            <p:spPr>
              <a:xfrm>
                <a:off x="20487532" y="5940569"/>
                <a:ext cx="3469106" cy="1077218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ASSETS</a:t>
                </a:r>
                <a:endParaRPr kumimoji="0" lang="en-CA" sz="16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3" name="TextBox 32">
                <a:extLst>
                  <a:ext uri="{FF2B5EF4-FFF2-40B4-BE49-F238E27FC236}">
                    <a16:creationId xmlns:a16="http://schemas.microsoft.com/office/drawing/2014/main" id="{E4DDB57E-DD67-45C9-81CB-3FF285203092}"/>
                  </a:ext>
                </a:extLst>
              </p:cNvPr>
              <p:cNvSpPr txBox="1"/>
              <p:nvPr/>
            </p:nvSpPr>
            <p:spPr>
              <a:xfrm>
                <a:off x="20057925" y="6915822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54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435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4" name="TextBox 33">
                <a:extLst>
                  <a:ext uri="{FF2B5EF4-FFF2-40B4-BE49-F238E27FC236}">
                    <a16:creationId xmlns:a16="http://schemas.microsoft.com/office/drawing/2014/main" id="{3EB60376-AF39-4248-91CC-8F86FD8BF1F7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35" name="TextBox 34">
                <a:extLst>
                  <a:ext uri="{FF2B5EF4-FFF2-40B4-BE49-F238E27FC236}">
                    <a16:creationId xmlns:a16="http://schemas.microsoft.com/office/drawing/2014/main" id="{D076F0D3-E0FE-4C0F-A18A-52D44B193391}"/>
                  </a:ext>
                </a:extLst>
              </p:cNvPr>
              <p:cNvSpPr txBox="1"/>
              <p:nvPr/>
            </p:nvSpPr>
            <p:spPr>
              <a:xfrm>
                <a:off x="20487532" y="8050583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$77M Avg Assets/Qualified Client</a:t>
                </a:r>
              </a:p>
            </p:txBody>
          </p:sp>
          <p:sp>
            <p:nvSpPr>
              <p:cNvPr id="36" name="TextBox 35">
                <a:extLst>
                  <a:ext uri="{FF2B5EF4-FFF2-40B4-BE49-F238E27FC236}">
                    <a16:creationId xmlns:a16="http://schemas.microsoft.com/office/drawing/2014/main" id="{971DDD2F-ADE8-462A-8711-A22CDD8D2889}"/>
                  </a:ext>
                </a:extLst>
              </p:cNvPr>
              <p:cNvSpPr txBox="1"/>
              <p:nvPr/>
            </p:nvSpPr>
            <p:spPr>
              <a:xfrm>
                <a:off x="21134883" y="7049210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3200" b="1" dirty="0">
                    <a:solidFill>
                      <a:schemeClr val="bg1"/>
                    </a:solidFill>
                    <a:latin typeface="Scotia" panose="020B0503020203020204" pitchFamily="34" charset="0"/>
                  </a:rPr>
                  <a:t>$</a:t>
                </a:r>
              </a:p>
            </p:txBody>
          </p:sp>
          <p:sp>
            <p:nvSpPr>
              <p:cNvPr id="37" name="TextBox 36">
                <a:extLst>
                  <a:ext uri="{FF2B5EF4-FFF2-40B4-BE49-F238E27FC236}">
                    <a16:creationId xmlns:a16="http://schemas.microsoft.com/office/drawing/2014/main" id="{88928725-9B05-4AA8-9A3C-1F171DAC09A2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37628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00% TARGET</a:t>
                </a:r>
              </a:p>
            </p:txBody>
          </p:sp>
        </p:grpSp>
        <p:grpSp>
          <p:nvGrpSpPr>
            <p:cNvPr id="15" name="Group 14">
              <a:extLst>
                <a:ext uri="{FF2B5EF4-FFF2-40B4-BE49-F238E27FC236}">
                  <a16:creationId xmlns:a16="http://schemas.microsoft.com/office/drawing/2014/main" id="{C82E621F-1504-4C3D-82A0-2CA7FEF5CEB9}"/>
                </a:ext>
              </a:extLst>
            </p:cNvPr>
            <p:cNvGrpSpPr/>
            <p:nvPr/>
          </p:nvGrpSpPr>
          <p:grpSpPr>
            <a:xfrm>
              <a:off x="15845724" y="3737643"/>
              <a:ext cx="6530160" cy="3152145"/>
              <a:chOff x="19913237" y="5432331"/>
              <a:chExt cx="6530160" cy="3152145"/>
            </a:xfrm>
          </p:grpSpPr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F54EE4BE-C84A-462A-B2C1-62B8902257D1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5" name="Rectangle 24">
                <a:extLst>
                  <a:ext uri="{FF2B5EF4-FFF2-40B4-BE49-F238E27FC236}">
                    <a16:creationId xmlns:a16="http://schemas.microsoft.com/office/drawing/2014/main" id="{7AD5C3EB-117F-46EC-B2C2-D7073AB9CAC4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200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et funding criteria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2A6E6B7F-0571-40BF-A52F-110F00B47157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5.6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7" name="TextBox 26">
                <a:extLst>
                  <a:ext uri="{FF2B5EF4-FFF2-40B4-BE49-F238E27FC236}">
                    <a16:creationId xmlns:a16="http://schemas.microsoft.com/office/drawing/2014/main" id="{531291D3-D248-4FC6-8E45-E860B3A0BBE8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28" name="TextBox 27">
                <a:extLst>
                  <a:ext uri="{FF2B5EF4-FFF2-40B4-BE49-F238E27FC236}">
                    <a16:creationId xmlns:a16="http://schemas.microsoft.com/office/drawing/2014/main" id="{B10CD1F3-3AE5-4FC5-AB63-138565DBF0A7}"/>
                  </a:ext>
                </a:extLst>
              </p:cNvPr>
              <p:cNvSpPr txBox="1"/>
              <p:nvPr/>
            </p:nvSpPr>
            <p:spPr>
              <a:xfrm>
                <a:off x="21421829" y="8067261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4.7M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9" name="TextBox 28">
                <a:extLst>
                  <a:ext uri="{FF2B5EF4-FFF2-40B4-BE49-F238E27FC236}">
                    <a16:creationId xmlns:a16="http://schemas.microsoft.com/office/drawing/2014/main" id="{C3411FB9-05D6-487B-9FC1-C3CBD8CB2842}"/>
                  </a:ext>
                </a:extLst>
              </p:cNvPr>
              <p:cNvSpPr txBox="1"/>
              <p:nvPr/>
            </p:nvSpPr>
            <p:spPr>
              <a:xfrm>
                <a:off x="22823546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30" name="TextBox 29">
                <a:extLst>
                  <a:ext uri="{FF2B5EF4-FFF2-40B4-BE49-F238E27FC236}">
                    <a16:creationId xmlns:a16="http://schemas.microsoft.com/office/drawing/2014/main" id="{ED2819EF-0072-4832-93CE-C95D11714551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6549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19% TARGET</a:t>
                </a:r>
              </a:p>
            </p:txBody>
          </p:sp>
        </p:grpSp>
        <p:grpSp>
          <p:nvGrpSpPr>
            <p:cNvPr id="16" name="Group 15">
              <a:extLst>
                <a:ext uri="{FF2B5EF4-FFF2-40B4-BE49-F238E27FC236}">
                  <a16:creationId xmlns:a16="http://schemas.microsoft.com/office/drawing/2014/main" id="{F0ADB21B-6669-4B63-8BAC-B055847DF044}"/>
                </a:ext>
              </a:extLst>
            </p:cNvPr>
            <p:cNvGrpSpPr/>
            <p:nvPr/>
          </p:nvGrpSpPr>
          <p:grpSpPr>
            <a:xfrm>
              <a:off x="11889059" y="3751526"/>
              <a:ext cx="6530160" cy="3152145"/>
              <a:chOff x="19913237" y="5432331"/>
              <a:chExt cx="6530160" cy="3152145"/>
            </a:xfrm>
          </p:grpSpPr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A8490259-18CF-4CD5-A62D-743A13E5A023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18" name="Rectangle 17">
                <a:extLst>
                  <a:ext uri="{FF2B5EF4-FFF2-40B4-BE49-F238E27FC236}">
                    <a16:creationId xmlns:a16="http://schemas.microsoft.com/office/drawing/2014/main" id="{BA2A0E64-76D1-41EC-A611-3251DCDF3529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ENROLL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2000" dirty="0">
                    <a:solidFill>
                      <a:schemeClr val="bg1"/>
                    </a:solidFill>
                  </a:rPr>
                  <a:t>Expressed Interest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chemeClr val="bg1"/>
                  </a:solidFill>
                  <a:effectLst/>
                  <a:uLnTx/>
                  <a:uFillTx/>
                </a:endParaRPr>
              </a:p>
            </p:txBody>
          </p:sp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2EF34281-5306-4C7D-8D85-7A7C9A4ED300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2.3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0" name="TextBox 19">
                <a:extLst>
                  <a:ext uri="{FF2B5EF4-FFF2-40B4-BE49-F238E27FC236}">
                    <a16:creationId xmlns:a16="http://schemas.microsoft.com/office/drawing/2014/main" id="{68B0E617-8D73-4929-B4BE-F3487032BC35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21" name="TextBox 20">
                <a:extLst>
                  <a:ext uri="{FF2B5EF4-FFF2-40B4-BE49-F238E27FC236}">
                    <a16:creationId xmlns:a16="http://schemas.microsoft.com/office/drawing/2014/main" id="{945BAE89-B348-4A8D-98D1-2CD59D6A2B6E}"/>
                  </a:ext>
                </a:extLst>
              </p:cNvPr>
              <p:cNvSpPr txBox="1"/>
              <p:nvPr/>
            </p:nvSpPr>
            <p:spPr>
              <a:xfrm>
                <a:off x="21421829" y="8067261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10.2M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DB92A10D-0F6C-4C75-B0E1-B62BF1DFE289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F8C0791A-307E-43D7-9C97-0C63D584B173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51066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21% TARGET</a:t>
                </a:r>
              </a:p>
            </p:txBody>
          </p:sp>
        </p:grpSp>
      </p:grpSp>
      <p:grpSp>
        <p:nvGrpSpPr>
          <p:cNvPr id="38" name="Group 37">
            <a:extLst>
              <a:ext uri="{FF2B5EF4-FFF2-40B4-BE49-F238E27FC236}">
                <a16:creationId xmlns:a16="http://schemas.microsoft.com/office/drawing/2014/main" id="{75B7E57F-55E6-43A5-B49F-42F9EF30E82A}"/>
              </a:ext>
            </a:extLst>
          </p:cNvPr>
          <p:cNvGrpSpPr/>
          <p:nvPr/>
        </p:nvGrpSpPr>
        <p:grpSpPr>
          <a:xfrm>
            <a:off x="11898387" y="7764643"/>
            <a:ext cx="13581676" cy="3795323"/>
            <a:chOff x="11898387" y="8196606"/>
            <a:chExt cx="13581676" cy="3795323"/>
          </a:xfrm>
        </p:grpSpPr>
        <p:sp>
          <p:nvSpPr>
            <p:cNvPr id="39" name="TextBox 38">
              <a:extLst>
                <a:ext uri="{FF2B5EF4-FFF2-40B4-BE49-F238E27FC236}">
                  <a16:creationId xmlns:a16="http://schemas.microsoft.com/office/drawing/2014/main" id="{295DBF68-8772-4BF2-B6E0-388E5FB6A7E8}"/>
                </a:ext>
              </a:extLst>
            </p:cNvPr>
            <p:cNvSpPr txBox="1"/>
            <p:nvPr/>
          </p:nvSpPr>
          <p:spPr>
            <a:xfrm>
              <a:off x="12428605" y="8196606"/>
              <a:ext cx="4459554" cy="49372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400" b="1" i="0" u="none" strike="noStrike" kern="0" cap="none" spc="600" normalizeH="0" baseline="0" noProof="0" dirty="0">
                  <a:ln>
                    <a:noFill/>
                  </a:ln>
                  <a:solidFill>
                    <a:srgbClr val="EC111A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/>
                </a:rPr>
                <a:t>HIGH VALUE CLIENTS</a:t>
              </a:r>
            </a:p>
          </p:txBody>
        </p:sp>
        <p:grpSp>
          <p:nvGrpSpPr>
            <p:cNvPr id="40" name="Group 39">
              <a:extLst>
                <a:ext uri="{FF2B5EF4-FFF2-40B4-BE49-F238E27FC236}">
                  <a16:creationId xmlns:a16="http://schemas.microsoft.com/office/drawing/2014/main" id="{833DE51C-A4D5-408D-B231-77946977C116}"/>
                </a:ext>
              </a:extLst>
            </p:cNvPr>
            <p:cNvGrpSpPr/>
            <p:nvPr/>
          </p:nvGrpSpPr>
          <p:grpSpPr>
            <a:xfrm>
              <a:off x="11898387" y="8839784"/>
              <a:ext cx="6643556" cy="3152145"/>
              <a:chOff x="19913237" y="5432331"/>
              <a:chExt cx="6643556" cy="3152145"/>
            </a:xfrm>
          </p:grpSpPr>
          <p:sp>
            <p:nvSpPr>
              <p:cNvPr id="57" name="TextBox 56">
                <a:extLst>
                  <a:ext uri="{FF2B5EF4-FFF2-40B4-BE49-F238E27FC236}">
                    <a16:creationId xmlns:a16="http://schemas.microsoft.com/office/drawing/2014/main" id="{029405B0-D1EA-4965-82E5-2F295242F232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8" name="Rectangle 57">
                <a:extLst>
                  <a:ext uri="{FF2B5EF4-FFF2-40B4-BE49-F238E27FC236}">
                    <a16:creationId xmlns:a16="http://schemas.microsoft.com/office/drawing/2014/main" id="{E23B818B-0420-4E49-BA3A-80BB6F55F7A6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ENROLL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algn="ctr">
                  <a:buClr>
                    <a:srgbClr val="233E5B"/>
                  </a:buClr>
                  <a:buSzPct val="80000"/>
                  <a:defRPr/>
                </a:pPr>
                <a:r>
                  <a:rPr lang="en-CA" sz="2000" dirty="0">
                    <a:solidFill>
                      <a:schemeClr val="bg1"/>
                    </a:solidFill>
                  </a:rPr>
                  <a:t>Expressed Interest</a:t>
                </a:r>
              </a:p>
            </p:txBody>
          </p:sp>
          <p:sp>
            <p:nvSpPr>
              <p:cNvPr id="59" name="TextBox 58">
                <a:extLst>
                  <a:ext uri="{FF2B5EF4-FFF2-40B4-BE49-F238E27FC236}">
                    <a16:creationId xmlns:a16="http://schemas.microsoft.com/office/drawing/2014/main" id="{3E41E46D-4DE3-43FC-82EF-ADD914475407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.2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60" name="TextBox 59">
                <a:extLst>
                  <a:ext uri="{FF2B5EF4-FFF2-40B4-BE49-F238E27FC236}">
                    <a16:creationId xmlns:a16="http://schemas.microsoft.com/office/drawing/2014/main" id="{0A8CEDDB-20A6-42D5-B3F2-85DFE8D60D45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9174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61" name="TextBox 60">
                <a:extLst>
                  <a:ext uri="{FF2B5EF4-FFF2-40B4-BE49-F238E27FC236}">
                    <a16:creationId xmlns:a16="http://schemas.microsoft.com/office/drawing/2014/main" id="{F2FD047E-B150-4608-9620-BCEF8AA1C596}"/>
                  </a:ext>
                </a:extLst>
              </p:cNvPr>
              <p:cNvSpPr txBox="1"/>
              <p:nvPr/>
            </p:nvSpPr>
            <p:spPr>
              <a:xfrm>
                <a:off x="21535225" y="8004502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837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62" name="TextBox 61">
                <a:extLst>
                  <a:ext uri="{FF2B5EF4-FFF2-40B4-BE49-F238E27FC236}">
                    <a16:creationId xmlns:a16="http://schemas.microsoft.com/office/drawing/2014/main" id="{7F3E203F-A311-404E-B4E1-DC3A6ADBEB71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63" name="TextBox 62">
                <a:extLst>
                  <a:ext uri="{FF2B5EF4-FFF2-40B4-BE49-F238E27FC236}">
                    <a16:creationId xmlns:a16="http://schemas.microsoft.com/office/drawing/2014/main" id="{665A72FB-6E78-480D-A39F-BF57347A7AFA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10377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50% TARGET</a:t>
                </a:r>
              </a:p>
            </p:txBody>
          </p:sp>
        </p:grpSp>
        <p:grpSp>
          <p:nvGrpSpPr>
            <p:cNvPr id="41" name="Group 40">
              <a:extLst>
                <a:ext uri="{FF2B5EF4-FFF2-40B4-BE49-F238E27FC236}">
                  <a16:creationId xmlns:a16="http://schemas.microsoft.com/office/drawing/2014/main" id="{67A07689-2D80-4AB5-9DD1-3ABE693F7449}"/>
                </a:ext>
              </a:extLst>
            </p:cNvPr>
            <p:cNvGrpSpPr/>
            <p:nvPr/>
          </p:nvGrpSpPr>
          <p:grpSpPr>
            <a:xfrm>
              <a:off x="15811918" y="8825190"/>
              <a:ext cx="6679741" cy="3152145"/>
              <a:chOff x="19827957" y="5432331"/>
              <a:chExt cx="6679741" cy="3152145"/>
            </a:xfrm>
          </p:grpSpPr>
          <p:sp>
            <p:nvSpPr>
              <p:cNvPr id="50" name="TextBox 49">
                <a:extLst>
                  <a:ext uri="{FF2B5EF4-FFF2-40B4-BE49-F238E27FC236}">
                    <a16:creationId xmlns:a16="http://schemas.microsoft.com/office/drawing/2014/main" id="{07AE0F6B-B3FD-46CC-BFC6-7D5371257830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1" name="Rectangle 50">
                <a:extLst>
                  <a:ext uri="{FF2B5EF4-FFF2-40B4-BE49-F238E27FC236}">
                    <a16:creationId xmlns:a16="http://schemas.microsoft.com/office/drawing/2014/main" id="{561CD81D-61C1-48B7-8D24-4AA863FC24B5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QUA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2000" i="0" u="none" strike="noStrike" kern="1200" cap="none" spc="0" normalizeH="0" baseline="0" noProof="0" dirty="0">
                    <a:ln>
                      <a:noFill/>
                    </a:ln>
                    <a:solidFill>
                      <a:schemeClr val="bg1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et funding criteria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chemeClr val="bg1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2" name="TextBox 51">
                <a:extLst>
                  <a:ext uri="{FF2B5EF4-FFF2-40B4-BE49-F238E27FC236}">
                    <a16:creationId xmlns:a16="http://schemas.microsoft.com/office/drawing/2014/main" id="{624BEA1D-2CBB-41AF-B73C-623757953368}"/>
                  </a:ext>
                </a:extLst>
              </p:cNvPr>
              <p:cNvSpPr txBox="1"/>
              <p:nvPr/>
            </p:nvSpPr>
            <p:spPr>
              <a:xfrm>
                <a:off x="19827957" y="6976165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54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672</a:t>
                </a:r>
              </a:p>
            </p:txBody>
          </p:sp>
          <p:sp>
            <p:nvSpPr>
              <p:cNvPr id="53" name="TextBox 52">
                <a:extLst>
                  <a:ext uri="{FF2B5EF4-FFF2-40B4-BE49-F238E27FC236}">
                    <a16:creationId xmlns:a16="http://schemas.microsoft.com/office/drawing/2014/main" id="{6EC2F957-0222-4518-922C-88255A4FA963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54" name="TextBox 53">
                <a:extLst>
                  <a:ext uri="{FF2B5EF4-FFF2-40B4-BE49-F238E27FC236}">
                    <a16:creationId xmlns:a16="http://schemas.microsoft.com/office/drawing/2014/main" id="{00FBC8F0-349B-4F44-AF31-768C9D7FE67C}"/>
                  </a:ext>
                </a:extLst>
              </p:cNvPr>
              <p:cNvSpPr txBox="1"/>
              <p:nvPr/>
            </p:nvSpPr>
            <p:spPr>
              <a:xfrm>
                <a:off x="21486130" y="8017224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351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5" name="TextBox 54">
                <a:extLst>
                  <a:ext uri="{FF2B5EF4-FFF2-40B4-BE49-F238E27FC236}">
                    <a16:creationId xmlns:a16="http://schemas.microsoft.com/office/drawing/2014/main" id="{1F450D84-7CD1-4A8D-AEC5-07CA3CA6EC5D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56" name="TextBox 55">
                <a:extLst>
                  <a:ext uri="{FF2B5EF4-FFF2-40B4-BE49-F238E27FC236}">
                    <a16:creationId xmlns:a16="http://schemas.microsoft.com/office/drawing/2014/main" id="{17B530D5-405B-4C76-933F-3F151551A752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6549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91% TARGET</a:t>
                </a:r>
              </a:p>
            </p:txBody>
          </p:sp>
        </p:grpSp>
        <p:grpSp>
          <p:nvGrpSpPr>
            <p:cNvPr id="42" name="Group 41">
              <a:extLst>
                <a:ext uri="{FF2B5EF4-FFF2-40B4-BE49-F238E27FC236}">
                  <a16:creationId xmlns:a16="http://schemas.microsoft.com/office/drawing/2014/main" id="{83768FA2-3592-4E95-8A64-A1DD5F179965}"/>
                </a:ext>
              </a:extLst>
            </p:cNvPr>
            <p:cNvGrpSpPr/>
            <p:nvPr/>
          </p:nvGrpSpPr>
          <p:grpSpPr>
            <a:xfrm>
              <a:off x="20028888" y="8825190"/>
              <a:ext cx="5451175" cy="3152145"/>
              <a:chOff x="20057925" y="5432331"/>
              <a:chExt cx="5451175" cy="3152145"/>
            </a:xfrm>
          </p:grpSpPr>
          <p:sp>
            <p:nvSpPr>
              <p:cNvPr id="43" name="TextBox 42">
                <a:extLst>
                  <a:ext uri="{FF2B5EF4-FFF2-40B4-BE49-F238E27FC236}">
                    <a16:creationId xmlns:a16="http://schemas.microsoft.com/office/drawing/2014/main" id="{3EA92E0F-D7E9-4B6C-A9AF-6F3B3B26FB08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4" name="Rectangle 43">
                <a:extLst>
                  <a:ext uri="{FF2B5EF4-FFF2-40B4-BE49-F238E27FC236}">
                    <a16:creationId xmlns:a16="http://schemas.microsoft.com/office/drawing/2014/main" id="{8F11C15B-4BAB-4334-88F7-78CF46B008FA}"/>
                  </a:ext>
                </a:extLst>
              </p:cNvPr>
              <p:cNvSpPr/>
              <p:nvPr/>
            </p:nvSpPr>
            <p:spPr>
              <a:xfrm>
                <a:off x="20487532" y="5940569"/>
                <a:ext cx="3469106" cy="1077218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ASSETS</a:t>
                </a:r>
                <a:endParaRPr kumimoji="0" lang="en-CA" sz="16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5" name="TextBox 44">
                <a:extLst>
                  <a:ext uri="{FF2B5EF4-FFF2-40B4-BE49-F238E27FC236}">
                    <a16:creationId xmlns:a16="http://schemas.microsoft.com/office/drawing/2014/main" id="{A752089B-7A98-40EF-AC89-07F5FD60B767}"/>
                  </a:ext>
                </a:extLst>
              </p:cNvPr>
              <p:cNvSpPr txBox="1"/>
              <p:nvPr/>
            </p:nvSpPr>
            <p:spPr>
              <a:xfrm>
                <a:off x="20057925" y="6915822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29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6" name="TextBox 45">
                <a:extLst>
                  <a:ext uri="{FF2B5EF4-FFF2-40B4-BE49-F238E27FC236}">
                    <a16:creationId xmlns:a16="http://schemas.microsoft.com/office/drawing/2014/main" id="{AE2C8F90-3893-4D26-85A0-24A40E106139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47" name="TextBox 46">
                <a:extLst>
                  <a:ext uri="{FF2B5EF4-FFF2-40B4-BE49-F238E27FC236}">
                    <a16:creationId xmlns:a16="http://schemas.microsoft.com/office/drawing/2014/main" id="{DE5561F8-6795-4204-8884-01C19A5F899D}"/>
                  </a:ext>
                </a:extLst>
              </p:cNvPr>
              <p:cNvSpPr txBox="1"/>
              <p:nvPr/>
            </p:nvSpPr>
            <p:spPr>
              <a:xfrm>
                <a:off x="20487532" y="8050583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$</a:t>
                </a:r>
                <a:r>
                  <a:rPr lang="en-CA" sz="1800" dirty="0">
                    <a:solidFill>
                      <a:srgbClr val="FFFFFF"/>
                    </a:solidFill>
                  </a:rPr>
                  <a:t>192</a:t>
                </a: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 Avg Assets/Qualified Client</a:t>
                </a:r>
              </a:p>
            </p:txBody>
          </p:sp>
          <p:sp>
            <p:nvSpPr>
              <p:cNvPr id="48" name="TextBox 47">
                <a:extLst>
                  <a:ext uri="{FF2B5EF4-FFF2-40B4-BE49-F238E27FC236}">
                    <a16:creationId xmlns:a16="http://schemas.microsoft.com/office/drawing/2014/main" id="{B53A05FB-1A0B-4A1D-A464-9DEF42E2C4E5}"/>
                  </a:ext>
                </a:extLst>
              </p:cNvPr>
              <p:cNvSpPr txBox="1"/>
              <p:nvPr/>
            </p:nvSpPr>
            <p:spPr>
              <a:xfrm>
                <a:off x="21134883" y="7049210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3200" b="1" dirty="0">
                    <a:solidFill>
                      <a:schemeClr val="bg1"/>
                    </a:solidFill>
                    <a:latin typeface="Scotia" panose="020B0503020203020204" pitchFamily="34" charset="0"/>
                  </a:rPr>
                  <a:t>$</a:t>
                </a:r>
              </a:p>
            </p:txBody>
          </p:sp>
          <p:sp>
            <p:nvSpPr>
              <p:cNvPr id="49" name="TextBox 48">
                <a:extLst>
                  <a:ext uri="{FF2B5EF4-FFF2-40B4-BE49-F238E27FC236}">
                    <a16:creationId xmlns:a16="http://schemas.microsoft.com/office/drawing/2014/main" id="{F27AB753-8504-4FFF-8EB0-1C02C704E926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1358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201% TARGET</a:t>
                </a:r>
              </a:p>
            </p:txBody>
          </p:sp>
        </p:grpSp>
      </p:grpSp>
      <p:sp>
        <p:nvSpPr>
          <p:cNvPr id="64" name="TextBox 63">
            <a:extLst>
              <a:ext uri="{FF2B5EF4-FFF2-40B4-BE49-F238E27FC236}">
                <a16:creationId xmlns:a16="http://schemas.microsoft.com/office/drawing/2014/main" id="{82DB973C-F1E2-4AE1-8EFB-10DD3915E66E}"/>
              </a:ext>
            </a:extLst>
          </p:cNvPr>
          <p:cNvSpPr txBox="1"/>
          <p:nvPr/>
        </p:nvSpPr>
        <p:spPr>
          <a:xfrm>
            <a:off x="814352" y="2940800"/>
            <a:ext cx="10586610" cy="767902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Winter Campaign Client Offer (NEW for FY21)</a:t>
            </a: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Symbol" panose="05050102010706020507" pitchFamily="18" charset="2"/>
              <a:buChar char="&lt;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First time targeting Scotiabank High Value Customers (HVC)  with special pricing &amp; Platinum benefits </a:t>
            </a: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Symbol" panose="05050102010706020507" pitchFamily="18" charset="2"/>
              <a:buChar char="&lt;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Introduced $5,000 funding tier – first in the market to attract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Main Street and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Young Investors </a:t>
            </a:r>
            <a:endParaRPr kumimoji="0" lang="en-CA" sz="20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Char char="-"/>
              <a:tabLst/>
              <a:defRPr/>
            </a:pPr>
            <a:endParaRPr kumimoji="0" lang="en-CA" sz="16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Campaign Results: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 </a:t>
            </a:r>
          </a:p>
          <a:p>
            <a:pPr marL="995363" marR="0" lvl="0" indent="-457200" algn="l" defTabSz="1827213" rtl="0" eaLnBrk="0" fontAlgn="base" latinLnBrk="0" hangingPunct="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lang="en-CA" sz="2000" dirty="0">
                <a:solidFill>
                  <a:srgbClr val="333333"/>
                </a:solidFill>
                <a:latin typeface="+mn-lt"/>
                <a:ea typeface="Scotia Light" panose="020B0403020203020204" pitchFamily="34" charset="0"/>
              </a:rPr>
              <a:t>Total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 number of new and existing client enrollment –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13,567</a:t>
            </a:r>
          </a:p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lang="en-CA" sz="2000" dirty="0">
                <a:solidFill>
                  <a:srgbClr val="333333"/>
                </a:solidFill>
                <a:latin typeface="+mn-lt"/>
                <a:ea typeface="Scotia Light" panose="020B0403020203020204" pitchFamily="34" charset="0"/>
              </a:rPr>
              <a:t>Total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New Assets Under Administration (AUA) </a:t>
            </a:r>
            <a:r>
              <a:rPr lang="en-CA" sz="2000" dirty="0">
                <a:solidFill>
                  <a:srgbClr val="333333"/>
                </a:solidFill>
                <a:ea typeface="Scotia Light" panose="020B0403020203020204" pitchFamily="34" charset="0"/>
              </a:rPr>
              <a:t>–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$563MM</a:t>
            </a: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Best client acquisition &amp; new assets campaign on record,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  <a:cs typeface="Helvetica" pitchFamily="2" charset="0"/>
              </a:rPr>
              <a:t>exceeding aggressive </a:t>
            </a:r>
            <a:r>
              <a:rPr lang="en-CA" sz="2000" dirty="0">
                <a:solidFill>
                  <a:srgbClr val="333333"/>
                </a:solidFill>
                <a:ea typeface="Scotia" panose="020B0503020203020204" pitchFamily="34" charset="0"/>
              </a:rPr>
              <a:t>target by 39%. ($403MM vs $289MM)</a:t>
            </a:r>
            <a:endParaRPr kumimoji="0" lang="en-CA" sz="20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+mn-lt"/>
              <a:ea typeface="Scotia" panose="020B0503020203020204" pitchFamily="34" charset="0"/>
              <a:cs typeface="Helvetica" pitchFamily="2" charset="0"/>
            </a:endParaRP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Both of client enrolled and accounts opened were </a:t>
            </a:r>
            <a:r>
              <a:rPr lang="en-CA" sz="20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doubled</a:t>
            </a: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 comparing to F20.</a:t>
            </a:r>
            <a:endParaRPr lang="en-CA" sz="2000" dirty="0">
              <a:solidFill>
                <a:srgbClr val="333333"/>
              </a:solidFill>
              <a:latin typeface="+mn-lt"/>
              <a:ea typeface="Scotia" panose="020B0503020203020204" pitchFamily="34" charset="0"/>
            </a:endParaRPr>
          </a:p>
          <a:p>
            <a:pPr marL="538163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Tx/>
              <a:buNone/>
              <a:tabLst/>
              <a:defRPr/>
            </a:pPr>
            <a:endParaRPr kumimoji="0" lang="en-CA" sz="1600" b="1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High Value Client Spotlight: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Targeted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 350M top tier High Value retail clients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Very positive client response, 3x high in avg assets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~2x qualified client target, 2x asset target</a:t>
            </a: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endParaRPr kumimoji="0" lang="en-CA" sz="1600" b="1" i="0" u="none" strike="noStrike" kern="1200" cap="none" spc="0" normalizeH="0" baseline="0" noProof="0" dirty="0">
              <a:ln>
                <a:noFill/>
              </a:ln>
              <a:solidFill>
                <a:srgbClr val="EC111A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Winter Campaign Insights: 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Acquired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~1200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clients in $5,000 funding tier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Acquired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78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clients $1MM+ who brought in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~$160MM</a:t>
            </a:r>
          </a:p>
        </p:txBody>
      </p:sp>
      <p:grpSp>
        <p:nvGrpSpPr>
          <p:cNvPr id="65" name="Group 64">
            <a:extLst>
              <a:ext uri="{FF2B5EF4-FFF2-40B4-BE49-F238E27FC236}">
                <a16:creationId xmlns:a16="http://schemas.microsoft.com/office/drawing/2014/main" id="{1E025A99-80B3-481A-90EF-9176AF5FC9D5}"/>
              </a:ext>
            </a:extLst>
          </p:cNvPr>
          <p:cNvGrpSpPr/>
          <p:nvPr/>
        </p:nvGrpSpPr>
        <p:grpSpPr>
          <a:xfrm>
            <a:off x="610480" y="11559966"/>
            <a:ext cx="11129836" cy="1178006"/>
            <a:chOff x="155399" y="12269281"/>
            <a:chExt cx="10991533" cy="1442646"/>
          </a:xfrm>
        </p:grpSpPr>
        <p:sp>
          <p:nvSpPr>
            <p:cNvPr id="66" name="Rectangle 65">
              <a:extLst>
                <a:ext uri="{FF2B5EF4-FFF2-40B4-BE49-F238E27FC236}">
                  <a16:creationId xmlns:a16="http://schemas.microsoft.com/office/drawing/2014/main" id="{1EF5BD8F-4A00-45F3-A16E-A4C81778BA31}"/>
                </a:ext>
              </a:extLst>
            </p:cNvPr>
            <p:cNvSpPr/>
            <p:nvPr/>
          </p:nvSpPr>
          <p:spPr>
            <a:xfrm>
              <a:off x="155399" y="12269281"/>
              <a:ext cx="10991533" cy="1442646"/>
            </a:xfrm>
            <a:prstGeom prst="rect">
              <a:avLst/>
            </a:prstGeom>
            <a:noFill/>
            <a:ln>
              <a:solidFill>
                <a:srgbClr val="EC111A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marR="0" lvl="0" indent="0" algn="ctr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CA" sz="36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Scotia Light"/>
                <a:cs typeface="Helvetica"/>
              </a:endParaRPr>
            </a:p>
          </p:txBody>
        </p:sp>
        <p:sp>
          <p:nvSpPr>
            <p:cNvPr id="67" name="TextBox 66">
              <a:extLst>
                <a:ext uri="{FF2B5EF4-FFF2-40B4-BE49-F238E27FC236}">
                  <a16:creationId xmlns:a16="http://schemas.microsoft.com/office/drawing/2014/main" id="{A3222A45-FEB2-41DD-8156-F6220A7A3D1B}"/>
                </a:ext>
              </a:extLst>
            </p:cNvPr>
            <p:cNvSpPr txBox="1"/>
            <p:nvPr/>
          </p:nvSpPr>
          <p:spPr>
            <a:xfrm>
              <a:off x="3001540" y="13132481"/>
              <a:ext cx="384846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CASH</a:t>
              </a:r>
            </a:p>
          </p:txBody>
        </p:sp>
        <p:pic>
          <p:nvPicPr>
            <p:cNvPr id="68" name="Picture 16" descr="Pricing Icon 1127514">
              <a:extLst>
                <a:ext uri="{FF2B5EF4-FFF2-40B4-BE49-F238E27FC236}">
                  <a16:creationId xmlns:a16="http://schemas.microsoft.com/office/drawing/2014/main" id="{BEA42EE0-3423-474E-9334-F0F9CDC9118D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035447" y="12538423"/>
              <a:ext cx="504488" cy="54715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69" name="TextBox 68">
              <a:extLst>
                <a:ext uri="{FF2B5EF4-FFF2-40B4-BE49-F238E27FC236}">
                  <a16:creationId xmlns:a16="http://schemas.microsoft.com/office/drawing/2014/main" id="{6FB42C4D-EA3B-454D-A38F-3C18D9505599}"/>
                </a:ext>
              </a:extLst>
            </p:cNvPr>
            <p:cNvSpPr txBox="1"/>
            <p:nvPr/>
          </p:nvSpPr>
          <p:spPr>
            <a:xfrm>
              <a:off x="6676417" y="13126751"/>
              <a:ext cx="1210176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SPECIAL PRICING </a:t>
              </a:r>
            </a:p>
          </p:txBody>
        </p:sp>
        <p:sp>
          <p:nvSpPr>
            <p:cNvPr id="70" name="TextBox 69">
              <a:extLst>
                <a:ext uri="{FF2B5EF4-FFF2-40B4-BE49-F238E27FC236}">
                  <a16:creationId xmlns:a16="http://schemas.microsoft.com/office/drawing/2014/main" id="{C1A919E7-B088-4FEC-88C4-0A2B995A3340}"/>
                </a:ext>
              </a:extLst>
            </p:cNvPr>
            <p:cNvSpPr txBox="1"/>
            <p:nvPr/>
          </p:nvSpPr>
          <p:spPr>
            <a:xfrm>
              <a:off x="4566745" y="13132480"/>
              <a:ext cx="928313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FREE TRADES</a:t>
              </a:r>
            </a:p>
          </p:txBody>
        </p:sp>
        <p:sp>
          <p:nvSpPr>
            <p:cNvPr id="71" name="TextBox 70">
              <a:extLst>
                <a:ext uri="{FF2B5EF4-FFF2-40B4-BE49-F238E27FC236}">
                  <a16:creationId xmlns:a16="http://schemas.microsoft.com/office/drawing/2014/main" id="{33615804-D579-44D2-BB0F-317DCBAC9101}"/>
                </a:ext>
              </a:extLst>
            </p:cNvPr>
            <p:cNvSpPr txBox="1"/>
            <p:nvPr/>
          </p:nvSpPr>
          <p:spPr>
            <a:xfrm>
              <a:off x="614729" y="12715797"/>
              <a:ext cx="1617257" cy="615553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squar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 pitchFamily="2" charset="0"/>
                </a:rPr>
                <a:t>CAMPAIGN INCENTIVES</a:t>
              </a:r>
              <a:r>
                <a:rPr kumimoji="0" lang="en-CA" sz="2000" b="1" i="0" u="none" strike="noStrike" kern="1200" cap="none" spc="60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 pitchFamily="2" charset="0"/>
                </a:rPr>
                <a:t>:</a:t>
              </a:r>
              <a:endParaRPr kumimoji="0" lang="en-CA" sz="1800" b="0" i="0" u="none" strike="noStrike" kern="1200" cap="none" spc="60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" panose="020B0503020203020204" pitchFamily="34" charset="0"/>
                <a:cs typeface="Helvetica" pitchFamily="2" charset="0"/>
              </a:endParaRPr>
            </a:p>
          </p:txBody>
        </p:sp>
        <p:sp>
          <p:nvSpPr>
            <p:cNvPr id="72" name="Freeform 46">
              <a:extLst>
                <a:ext uri="{FF2B5EF4-FFF2-40B4-BE49-F238E27FC236}">
                  <a16:creationId xmlns:a16="http://schemas.microsoft.com/office/drawing/2014/main" id="{6A06029B-5C7C-45DE-BA94-3D0DDD2E54C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991619" y="12567678"/>
              <a:ext cx="480027" cy="517901"/>
            </a:xfrm>
            <a:custGeom>
              <a:avLst/>
              <a:gdLst>
                <a:gd name="T0" fmla="*/ 500 w 988"/>
                <a:gd name="T1" fmla="*/ 560 h 891"/>
                <a:gd name="T2" fmla="*/ 500 w 988"/>
                <a:gd name="T3" fmla="*/ 588 h 891"/>
                <a:gd name="T4" fmla="*/ 900 w 988"/>
                <a:gd name="T5" fmla="*/ 354 h 891"/>
                <a:gd name="T6" fmla="*/ 791 w 988"/>
                <a:gd name="T7" fmla="*/ 197 h 891"/>
                <a:gd name="T8" fmla="*/ 874 w 988"/>
                <a:gd name="T9" fmla="*/ 9 h 891"/>
                <a:gd name="T10" fmla="*/ 633 w 988"/>
                <a:gd name="T11" fmla="*/ 113 h 891"/>
                <a:gd name="T12" fmla="*/ 456 w 988"/>
                <a:gd name="T13" fmla="*/ 86 h 891"/>
                <a:gd name="T14" fmla="*/ 0 w 988"/>
                <a:gd name="T15" fmla="*/ 431 h 891"/>
                <a:gd name="T16" fmla="*/ 165 w 988"/>
                <a:gd name="T17" fmla="*/ 697 h 891"/>
                <a:gd name="T18" fmla="*/ 114 w 988"/>
                <a:gd name="T19" fmla="*/ 838 h 891"/>
                <a:gd name="T20" fmla="*/ 257 w 988"/>
                <a:gd name="T21" fmla="*/ 891 h 891"/>
                <a:gd name="T22" fmla="*/ 306 w 988"/>
                <a:gd name="T23" fmla="*/ 756 h 891"/>
                <a:gd name="T24" fmla="*/ 456 w 988"/>
                <a:gd name="T25" fmla="*/ 776 h 891"/>
                <a:gd name="T26" fmla="*/ 611 w 988"/>
                <a:gd name="T27" fmla="*/ 755 h 891"/>
                <a:gd name="T28" fmla="*/ 660 w 988"/>
                <a:gd name="T29" fmla="*/ 891 h 891"/>
                <a:gd name="T30" fmla="*/ 803 w 988"/>
                <a:gd name="T31" fmla="*/ 838 h 891"/>
                <a:gd name="T32" fmla="*/ 751 w 988"/>
                <a:gd name="T33" fmla="*/ 694 h 891"/>
                <a:gd name="T34" fmla="*/ 900 w 988"/>
                <a:gd name="T35" fmla="*/ 507 h 891"/>
                <a:gd name="T36" fmla="*/ 988 w 988"/>
                <a:gd name="T37" fmla="*/ 507 h 891"/>
                <a:gd name="T38" fmla="*/ 988 w 988"/>
                <a:gd name="T39" fmla="*/ 354 h 891"/>
                <a:gd name="T40" fmla="*/ 900 w 988"/>
                <a:gd name="T41" fmla="*/ 354 h 891"/>
                <a:gd name="T42" fmla="*/ 422 w 988"/>
                <a:gd name="T43" fmla="*/ 480 h 891"/>
                <a:gd name="T44" fmla="*/ 496 w 988"/>
                <a:gd name="T45" fmla="*/ 542 h 891"/>
                <a:gd name="T46" fmla="*/ 570 w 988"/>
                <a:gd name="T47" fmla="*/ 480 h 891"/>
                <a:gd name="T48" fmla="*/ 496 w 988"/>
                <a:gd name="T49" fmla="*/ 418 h 891"/>
                <a:gd name="T50" fmla="*/ 422 w 988"/>
                <a:gd name="T51" fmla="*/ 356 h 891"/>
                <a:gd name="T52" fmla="*/ 496 w 988"/>
                <a:gd name="T53" fmla="*/ 294 h 891"/>
                <a:gd name="T54" fmla="*/ 570 w 988"/>
                <a:gd name="T55" fmla="*/ 356 h 891"/>
                <a:gd name="T56" fmla="*/ 500 w 988"/>
                <a:gd name="T57" fmla="*/ 256 h 891"/>
                <a:gd name="T58" fmla="*/ 500 w 988"/>
                <a:gd name="T59" fmla="*/ 285 h 8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988" h="891">
                  <a:moveTo>
                    <a:pt x="500" y="560"/>
                  </a:moveTo>
                  <a:lnTo>
                    <a:pt x="500" y="588"/>
                  </a:lnTo>
                  <a:moveTo>
                    <a:pt x="900" y="354"/>
                  </a:moveTo>
                  <a:cubicBezTo>
                    <a:pt x="862" y="278"/>
                    <a:pt x="826" y="226"/>
                    <a:pt x="791" y="197"/>
                  </a:cubicBezTo>
                  <a:cubicBezTo>
                    <a:pt x="799" y="69"/>
                    <a:pt x="874" y="9"/>
                    <a:pt x="874" y="9"/>
                  </a:cubicBezTo>
                  <a:cubicBezTo>
                    <a:pt x="874" y="9"/>
                    <a:pt x="731" y="0"/>
                    <a:pt x="633" y="113"/>
                  </a:cubicBezTo>
                  <a:cubicBezTo>
                    <a:pt x="578" y="96"/>
                    <a:pt x="519" y="86"/>
                    <a:pt x="456" y="86"/>
                  </a:cubicBezTo>
                  <a:cubicBezTo>
                    <a:pt x="204" y="86"/>
                    <a:pt x="0" y="240"/>
                    <a:pt x="0" y="431"/>
                  </a:cubicBezTo>
                  <a:cubicBezTo>
                    <a:pt x="0" y="538"/>
                    <a:pt x="64" y="633"/>
                    <a:pt x="165" y="697"/>
                  </a:cubicBezTo>
                  <a:lnTo>
                    <a:pt x="114" y="838"/>
                  </a:lnTo>
                  <a:lnTo>
                    <a:pt x="257" y="891"/>
                  </a:lnTo>
                  <a:lnTo>
                    <a:pt x="306" y="756"/>
                  </a:lnTo>
                  <a:cubicBezTo>
                    <a:pt x="353" y="769"/>
                    <a:pt x="403" y="776"/>
                    <a:pt x="456" y="776"/>
                  </a:cubicBezTo>
                  <a:cubicBezTo>
                    <a:pt x="511" y="776"/>
                    <a:pt x="562" y="768"/>
                    <a:pt x="611" y="755"/>
                  </a:cubicBezTo>
                  <a:lnTo>
                    <a:pt x="660" y="891"/>
                  </a:lnTo>
                  <a:lnTo>
                    <a:pt x="803" y="838"/>
                  </a:lnTo>
                  <a:lnTo>
                    <a:pt x="751" y="694"/>
                  </a:lnTo>
                  <a:cubicBezTo>
                    <a:pt x="824" y="647"/>
                    <a:pt x="878" y="582"/>
                    <a:pt x="900" y="507"/>
                  </a:cubicBezTo>
                  <a:lnTo>
                    <a:pt x="988" y="507"/>
                  </a:lnTo>
                  <a:lnTo>
                    <a:pt x="988" y="354"/>
                  </a:lnTo>
                  <a:lnTo>
                    <a:pt x="900" y="354"/>
                  </a:lnTo>
                  <a:close/>
                  <a:moveTo>
                    <a:pt x="422" y="480"/>
                  </a:moveTo>
                  <a:cubicBezTo>
                    <a:pt x="422" y="514"/>
                    <a:pt x="455" y="542"/>
                    <a:pt x="496" y="542"/>
                  </a:cubicBezTo>
                  <a:cubicBezTo>
                    <a:pt x="537" y="542"/>
                    <a:pt x="570" y="514"/>
                    <a:pt x="570" y="480"/>
                  </a:cubicBezTo>
                  <a:cubicBezTo>
                    <a:pt x="570" y="446"/>
                    <a:pt x="537" y="418"/>
                    <a:pt x="496" y="418"/>
                  </a:cubicBezTo>
                  <a:cubicBezTo>
                    <a:pt x="455" y="418"/>
                    <a:pt x="422" y="390"/>
                    <a:pt x="422" y="356"/>
                  </a:cubicBezTo>
                  <a:cubicBezTo>
                    <a:pt x="422" y="322"/>
                    <a:pt x="455" y="294"/>
                    <a:pt x="496" y="294"/>
                  </a:cubicBezTo>
                  <a:cubicBezTo>
                    <a:pt x="537" y="294"/>
                    <a:pt x="570" y="322"/>
                    <a:pt x="570" y="356"/>
                  </a:cubicBezTo>
                  <a:moveTo>
                    <a:pt x="500" y="256"/>
                  </a:moveTo>
                  <a:lnTo>
                    <a:pt x="500" y="285"/>
                  </a:lnTo>
                </a:path>
              </a:pathLst>
            </a:custGeom>
            <a:noFill/>
            <a:ln w="38100" cap="rnd">
              <a:solidFill>
                <a:schemeClr val="tx1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CA" sz="36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Regular" panose="020B0503020203020204" pitchFamily="34" charset="0"/>
                <a:cs typeface="Helvetica" pitchFamily="2" charset="0"/>
              </a:endParaRPr>
            </a:p>
          </p:txBody>
        </p:sp>
        <p:pic>
          <p:nvPicPr>
            <p:cNvPr id="73" name="Picture 6" descr="trading Icon 3475104">
              <a:extLst>
                <a:ext uri="{FF2B5EF4-FFF2-40B4-BE49-F238E27FC236}">
                  <a16:creationId xmlns:a16="http://schemas.microsoft.com/office/drawing/2014/main" id="{2B4D30B2-2EB3-4373-ADEC-AC0AD501FCC1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785111" y="12531886"/>
              <a:ext cx="515255" cy="6176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74" name="TextBox 73">
              <a:extLst>
                <a:ext uri="{FF2B5EF4-FFF2-40B4-BE49-F238E27FC236}">
                  <a16:creationId xmlns:a16="http://schemas.microsoft.com/office/drawing/2014/main" id="{F302AC1A-23DA-4ACF-BCDB-AD7AC14C3C6A}"/>
                </a:ext>
              </a:extLst>
            </p:cNvPr>
            <p:cNvSpPr txBox="1"/>
            <p:nvPr/>
          </p:nvSpPr>
          <p:spPr>
            <a:xfrm>
              <a:off x="8984052" y="13128147"/>
              <a:ext cx="1122798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PLATINUM CLUB</a:t>
              </a:r>
            </a:p>
          </p:txBody>
        </p:sp>
        <p:grpSp>
          <p:nvGrpSpPr>
            <p:cNvPr id="75" name="Group 74">
              <a:extLst>
                <a:ext uri="{FF2B5EF4-FFF2-40B4-BE49-F238E27FC236}">
                  <a16:creationId xmlns:a16="http://schemas.microsoft.com/office/drawing/2014/main" id="{A4730CB9-4255-4CB1-8AA5-D9168321407E}"/>
                </a:ext>
              </a:extLst>
            </p:cNvPr>
            <p:cNvGrpSpPr/>
            <p:nvPr/>
          </p:nvGrpSpPr>
          <p:grpSpPr>
            <a:xfrm>
              <a:off x="9346583" y="12613039"/>
              <a:ext cx="397736" cy="411032"/>
              <a:chOff x="9691688" y="4638675"/>
              <a:chExt cx="276225" cy="238125"/>
            </a:xfrm>
          </p:grpSpPr>
          <p:sp>
            <p:nvSpPr>
              <p:cNvPr id="76" name="Freeform 70">
                <a:extLst>
                  <a:ext uri="{FF2B5EF4-FFF2-40B4-BE49-F238E27FC236}">
                    <a16:creationId xmlns:a16="http://schemas.microsoft.com/office/drawing/2014/main" id="{9CD0A814-02EA-4F1F-87D7-B892CAF354A6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691688" y="4776787"/>
                <a:ext cx="276225" cy="100013"/>
              </a:xfrm>
              <a:custGeom>
                <a:avLst/>
                <a:gdLst>
                  <a:gd name="T0" fmla="*/ 322 w 818"/>
                  <a:gd name="T1" fmla="*/ 129 h 300"/>
                  <a:gd name="T2" fmla="*/ 519 w 818"/>
                  <a:gd name="T3" fmla="*/ 195 h 300"/>
                  <a:gd name="T4" fmla="*/ 590 w 818"/>
                  <a:gd name="T5" fmla="*/ 165 h 300"/>
                  <a:gd name="T6" fmla="*/ 562 w 818"/>
                  <a:gd name="T7" fmla="*/ 91 h 300"/>
                  <a:gd name="T8" fmla="*/ 351 w 818"/>
                  <a:gd name="T9" fmla="*/ 19 h 300"/>
                  <a:gd name="T10" fmla="*/ 0 w 818"/>
                  <a:gd name="T11" fmla="*/ 69 h 300"/>
                  <a:gd name="T12" fmla="*/ 37 w 818"/>
                  <a:gd name="T13" fmla="*/ 242 h 300"/>
                  <a:gd name="T14" fmla="*/ 189 w 818"/>
                  <a:gd name="T15" fmla="*/ 214 h 300"/>
                  <a:gd name="T16" fmla="*/ 386 w 818"/>
                  <a:gd name="T17" fmla="*/ 278 h 300"/>
                  <a:gd name="T18" fmla="*/ 561 w 818"/>
                  <a:gd name="T19" fmla="*/ 299 h 300"/>
                  <a:gd name="T20" fmla="*/ 777 w 818"/>
                  <a:gd name="T21" fmla="*/ 182 h 300"/>
                  <a:gd name="T22" fmla="*/ 807 w 818"/>
                  <a:gd name="T23" fmla="*/ 108 h 300"/>
                  <a:gd name="T24" fmla="*/ 737 w 818"/>
                  <a:gd name="T25" fmla="*/ 77 h 300"/>
                  <a:gd name="T26" fmla="*/ 595 w 818"/>
                  <a:gd name="T27" fmla="*/ 149 h 30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818" h="300">
                    <a:moveTo>
                      <a:pt x="322" y="129"/>
                    </a:moveTo>
                    <a:lnTo>
                      <a:pt x="519" y="195"/>
                    </a:lnTo>
                    <a:cubicBezTo>
                      <a:pt x="547" y="207"/>
                      <a:pt x="579" y="194"/>
                      <a:pt x="590" y="165"/>
                    </a:cubicBezTo>
                    <a:cubicBezTo>
                      <a:pt x="602" y="137"/>
                      <a:pt x="590" y="103"/>
                      <a:pt x="562" y="91"/>
                    </a:cubicBezTo>
                    <a:lnTo>
                      <a:pt x="351" y="19"/>
                    </a:lnTo>
                    <a:cubicBezTo>
                      <a:pt x="351" y="19"/>
                      <a:pt x="233" y="0"/>
                      <a:pt x="0" y="69"/>
                    </a:cubicBezTo>
                    <a:lnTo>
                      <a:pt x="37" y="242"/>
                    </a:lnTo>
                    <a:cubicBezTo>
                      <a:pt x="37" y="242"/>
                      <a:pt x="160" y="214"/>
                      <a:pt x="189" y="214"/>
                    </a:cubicBezTo>
                    <a:cubicBezTo>
                      <a:pt x="218" y="214"/>
                      <a:pt x="320" y="256"/>
                      <a:pt x="386" y="278"/>
                    </a:cubicBezTo>
                    <a:cubicBezTo>
                      <a:pt x="451" y="300"/>
                      <a:pt x="561" y="299"/>
                      <a:pt x="561" y="299"/>
                    </a:cubicBezTo>
                    <a:lnTo>
                      <a:pt x="777" y="182"/>
                    </a:lnTo>
                    <a:cubicBezTo>
                      <a:pt x="805" y="170"/>
                      <a:pt x="818" y="137"/>
                      <a:pt x="807" y="108"/>
                    </a:cubicBezTo>
                    <a:cubicBezTo>
                      <a:pt x="796" y="79"/>
                      <a:pt x="765" y="65"/>
                      <a:pt x="737" y="77"/>
                    </a:cubicBezTo>
                    <a:lnTo>
                      <a:pt x="595" y="149"/>
                    </a:lnTo>
                  </a:path>
                </a:pathLst>
              </a:custGeom>
              <a:noFill/>
              <a:ln w="38100" cap="rnd">
                <a:solidFill>
                  <a:schemeClr val="tx1"/>
                </a:solidFill>
                <a:prstDash val="solid"/>
                <a:round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CA" sz="36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 Regular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77" name="Freeform 71">
                <a:extLst>
                  <a:ext uri="{FF2B5EF4-FFF2-40B4-BE49-F238E27FC236}">
                    <a16:creationId xmlns:a16="http://schemas.microsoft.com/office/drawing/2014/main" id="{BEDC3D1D-F2BB-4FCF-B6A3-214E35F231C4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774238" y="4638675"/>
                <a:ext cx="131763" cy="119063"/>
              </a:xfrm>
              <a:custGeom>
                <a:avLst/>
                <a:gdLst>
                  <a:gd name="T0" fmla="*/ 287 w 388"/>
                  <a:gd name="T1" fmla="*/ 0 h 353"/>
                  <a:gd name="T2" fmla="*/ 194 w 388"/>
                  <a:gd name="T3" fmla="*/ 62 h 353"/>
                  <a:gd name="T4" fmla="*/ 101 w 388"/>
                  <a:gd name="T5" fmla="*/ 0 h 353"/>
                  <a:gd name="T6" fmla="*/ 0 w 388"/>
                  <a:gd name="T7" fmla="*/ 100 h 353"/>
                  <a:gd name="T8" fmla="*/ 194 w 388"/>
                  <a:gd name="T9" fmla="*/ 353 h 353"/>
                  <a:gd name="T10" fmla="*/ 388 w 388"/>
                  <a:gd name="T11" fmla="*/ 100 h 353"/>
                  <a:gd name="T12" fmla="*/ 287 w 388"/>
                  <a:gd name="T13" fmla="*/ 0 h 35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388" h="353">
                    <a:moveTo>
                      <a:pt x="287" y="0"/>
                    </a:moveTo>
                    <a:cubicBezTo>
                      <a:pt x="245" y="0"/>
                      <a:pt x="209" y="26"/>
                      <a:pt x="194" y="62"/>
                    </a:cubicBezTo>
                    <a:cubicBezTo>
                      <a:pt x="179" y="26"/>
                      <a:pt x="143" y="0"/>
                      <a:pt x="101" y="0"/>
                    </a:cubicBezTo>
                    <a:cubicBezTo>
                      <a:pt x="45" y="0"/>
                      <a:pt x="0" y="45"/>
                      <a:pt x="0" y="100"/>
                    </a:cubicBezTo>
                    <a:cubicBezTo>
                      <a:pt x="0" y="230"/>
                      <a:pt x="194" y="353"/>
                      <a:pt x="194" y="353"/>
                    </a:cubicBezTo>
                    <a:cubicBezTo>
                      <a:pt x="194" y="353"/>
                      <a:pt x="388" y="232"/>
                      <a:pt x="388" y="100"/>
                    </a:cubicBezTo>
                    <a:cubicBezTo>
                      <a:pt x="388" y="45"/>
                      <a:pt x="343" y="0"/>
                      <a:pt x="287" y="0"/>
                    </a:cubicBezTo>
                    <a:close/>
                  </a:path>
                </a:pathLst>
              </a:custGeom>
              <a:solidFill>
                <a:srgbClr val="EC111A"/>
              </a:solidFill>
              <a:ln w="38100" cap="rnd">
                <a:noFill/>
                <a:prstDash val="solid"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CA" sz="36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 Regular" panose="020B0503020203020204" pitchFamily="34" charset="0"/>
                  <a:cs typeface="Helvetica" pitchFamily="2" charset="0"/>
                </a:endParaRP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405167592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>
            <a:extLst>
              <a:ext uri="{FF2B5EF4-FFF2-40B4-BE49-F238E27FC236}">
                <a16:creationId xmlns:a16="http://schemas.microsoft.com/office/drawing/2014/main" id="{9DD18193-E424-BF4F-9CBD-762968C2B654}"/>
              </a:ext>
            </a:extLst>
          </p:cNvPr>
          <p:cNvSpPr txBox="1"/>
          <p:nvPr/>
        </p:nvSpPr>
        <p:spPr>
          <a:xfrm>
            <a:off x="11396129" y="2677212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8" name="TextBox 6">
            <a:extLst>
              <a:ext uri="{FF2B5EF4-FFF2-40B4-BE49-F238E27FC236}">
                <a16:creationId xmlns:a16="http://schemas.microsoft.com/office/drawing/2014/main" id="{DE3849CF-6831-2C45-BACF-8480D9BE7729}"/>
              </a:ext>
            </a:extLst>
          </p:cNvPr>
          <p:cNvSpPr txBox="1"/>
          <p:nvPr/>
        </p:nvSpPr>
        <p:spPr>
          <a:xfrm>
            <a:off x="8195562" y="5349169"/>
            <a:ext cx="7991289" cy="153888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>
            <a:spAutoFit/>
          </a:bodyPr>
          <a:lstStyle>
            <a:lvl1pPr>
              <a:defRPr sz="7200">
                <a:solidFill>
                  <a:srgbClr val="FFFFFF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THANK YOU</a:t>
            </a:r>
          </a:p>
        </p:txBody>
      </p:sp>
    </p:spTree>
    <p:extLst>
      <p:ext uri="{BB962C8B-B14F-4D97-AF65-F5344CB8AC3E}">
        <p14:creationId xmlns:p14="http://schemas.microsoft.com/office/powerpoint/2010/main" val="55543416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Rectangle">
            <a:extLst>
              <a:ext uri="{FF2B5EF4-FFF2-40B4-BE49-F238E27FC236}">
                <a16:creationId xmlns:a16="http://schemas.microsoft.com/office/drawing/2014/main" id="{7972B86E-C50B-5D4A-9A9C-02D05BEAF46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ChangeArrowheads="1"/>
          </p:cNvSpPr>
          <p:nvPr/>
        </p:nvSpPr>
        <p:spPr bwMode="auto">
          <a:xfrm flipH="1">
            <a:off x="0" y="0"/>
            <a:ext cx="8132763" cy="1371600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txBody>
          <a:bodyPr lIns="91432" rIns="91432" anchor="ctr"/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/>
            <a:endParaRPr lang="en-US" altLang="en-US" sz="7200">
              <a:solidFill>
                <a:srgbClr val="1FA2DC"/>
              </a:solidFill>
              <a:latin typeface="Scotia Regular" panose="020B0503020203020204" pitchFamily="34" charset="0"/>
            </a:endParaRPr>
          </a:p>
        </p:txBody>
      </p:sp>
      <p:sp>
        <p:nvSpPr>
          <p:cNvPr id="3" name="Agenda">
            <a:extLst>
              <a:ext uri="{FF2B5EF4-FFF2-40B4-BE49-F238E27FC236}">
                <a16:creationId xmlns:a16="http://schemas.microsoft.com/office/drawing/2014/main" id="{257D35E8-2CCE-254C-AF13-667190B04E98}"/>
              </a:ext>
            </a:extLst>
          </p:cNvPr>
          <p:cNvSpPr txBox="1"/>
          <p:nvPr/>
        </p:nvSpPr>
        <p:spPr>
          <a:xfrm>
            <a:off x="727075" y="2044700"/>
            <a:ext cx="6429375" cy="1662113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>
            <a:lvl1pPr>
              <a:defRPr sz="4900">
                <a:solidFill>
                  <a:srgbClr val="E8111C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0799" dirty="0">
                <a:solidFill>
                  <a:schemeClr val="bg2"/>
                </a:solidFill>
                <a:latin typeface="Scotia Light" panose="020B0403020203020204" pitchFamily="34" charset="0"/>
              </a:rPr>
              <a:t>Agenda</a:t>
            </a:r>
            <a:endParaRPr sz="10799" dirty="0">
              <a:solidFill>
                <a:schemeClr val="bg2"/>
              </a:solidFill>
              <a:latin typeface="Scotia Light" panose="020B0403020203020204" pitchFamily="34" charset="0"/>
            </a:endParaRPr>
          </a:p>
        </p:txBody>
      </p:sp>
      <p:sp>
        <p:nvSpPr>
          <p:cNvPr id="24581" name="Content">
            <a:extLst>
              <a:ext uri="{FF2B5EF4-FFF2-40B4-BE49-F238E27FC236}">
                <a16:creationId xmlns:a16="http://schemas.microsoft.com/office/drawing/2014/main" id="{4CCAA241-ECCC-464B-9BD6-A79CC623093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0171113" y="3314935"/>
            <a:ext cx="13696593" cy="80810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1</a:t>
            </a:r>
            <a:r>
              <a:rPr lang="en-US" altLang="en-US" dirty="0">
                <a:latin typeface="Scotia Light" panose="020B0403020203020204" pitchFamily="34" charset="0"/>
              </a:rPr>
              <a:t>	Quick Review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2</a:t>
            </a:r>
            <a:r>
              <a:rPr lang="en-US" altLang="en-US" dirty="0">
                <a:latin typeface="Scotia Light" panose="020B0403020203020204" pitchFamily="34" charset="0"/>
              </a:rPr>
              <a:t>	Campaign Overall Results 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3</a:t>
            </a:r>
            <a:r>
              <a:rPr lang="en-US" altLang="en-US" dirty="0">
                <a:latin typeface="Scotia Light" panose="020B0403020203020204" pitchFamily="34" charset="0"/>
              </a:rPr>
              <a:t>	Offer Tiers Analysis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4</a:t>
            </a:r>
            <a:r>
              <a:rPr lang="en-US" altLang="en-US" dirty="0">
                <a:latin typeface="Scotia Light" panose="020B0403020203020204" pitchFamily="34" charset="0"/>
              </a:rPr>
              <a:t>	Incentive Cost Overview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5</a:t>
            </a:r>
            <a:r>
              <a:rPr lang="en-US" altLang="en-US" dirty="0">
                <a:latin typeface="Scotia Light" panose="020B0403020203020204" pitchFamily="34" charset="0"/>
              </a:rPr>
              <a:t>	YoY Comparison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6</a:t>
            </a:r>
            <a:r>
              <a:rPr lang="en-US" altLang="en-US" dirty="0">
                <a:latin typeface="Scotia Light" panose="020B0403020203020204" pitchFamily="34" charset="0"/>
              </a:rPr>
              <a:t>	Key Learnings Summary</a:t>
            </a:r>
          </a:p>
        </p:txBody>
      </p:sp>
    </p:spTree>
    <p:extLst>
      <p:ext uri="{BB962C8B-B14F-4D97-AF65-F5344CB8AC3E}">
        <p14:creationId xmlns:p14="http://schemas.microsoft.com/office/powerpoint/2010/main" val="1898883145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0617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1     Campaign Quick Review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sz="7200" dirty="0">
                <a:solidFill>
                  <a:schemeClr val="bg1"/>
                </a:solidFill>
                <a:latin typeface="Scotia Light" panose="020B0403020203020204" pitchFamily="34" charset="0"/>
                <a:ea typeface="Helvetica" panose="020B0604020202020204" pitchFamily="34" charset="0"/>
                <a:cs typeface="Helvetica" panose="020B0604020202020204" pitchFamily="34" charset="0"/>
              </a:rPr>
              <a:t>Quick Review</a:t>
            </a:r>
            <a:endParaRPr lang="en-CA" sz="7200" dirty="0">
              <a:solidFill>
                <a:schemeClr val="bg1"/>
              </a:solidFill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36" name="Table 35">
            <a:extLst>
              <a:ext uri="{FF2B5EF4-FFF2-40B4-BE49-F238E27FC236}">
                <a16:creationId xmlns:a16="http://schemas.microsoft.com/office/drawing/2014/main" id="{0B454A58-F8D5-407A-925C-858A94E9D3C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66127868"/>
              </p:ext>
            </p:extLst>
          </p:nvPr>
        </p:nvGraphicFramePr>
        <p:xfrm>
          <a:off x="3563698" y="3851119"/>
          <a:ext cx="7816098" cy="6059520"/>
        </p:xfrm>
        <a:graphic>
          <a:graphicData uri="http://schemas.openxmlformats.org/drawingml/2006/table">
            <a:tbl>
              <a:tblPr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tableStyleId>{5C22544A-7EE6-4342-B048-85BDC9FD1C3A}</a:tableStyleId>
              </a:tblPr>
              <a:tblGrid>
                <a:gridCol w="216326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57759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58977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416266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466021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 </a:t>
                      </a:r>
                      <a:r>
                        <a:rPr lang="en-CA" sz="2400" b="1" i="0" u="none" strike="noStrike" dirty="0">
                          <a:solidFill>
                            <a:schemeClr val="bg1">
                              <a:lumMod val="95000"/>
                            </a:schemeClr>
                          </a:solidFill>
                          <a:effectLst/>
                          <a:latin typeface="Calibri"/>
                        </a:rPr>
                        <a:t>Offer Breakdown</a:t>
                      </a:r>
                      <a:endParaRPr lang="en-CA" sz="2400" b="1" i="0" u="none" strike="noStrike" baseline="0" dirty="0">
                        <a:solidFill>
                          <a:schemeClr val="bg1">
                            <a:lumMod val="9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524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romo Code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C21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T21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09682429"/>
                  </a:ext>
                </a:extLst>
              </a:tr>
              <a:tr h="32621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Deposit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ash + Pricing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ree Trades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rowSpan="8">
                  <a:txBody>
                    <a:bodyPr/>
                    <a:lstStyle/>
                    <a:p>
                      <a:pPr algn="ctr" fontAlgn="ctr"/>
                      <a:r>
                        <a:rPr lang="nn-NO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K+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4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7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3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0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4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M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5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26214">
                <a:tc gridSpan="4">
                  <a:txBody>
                    <a:bodyPr/>
                    <a:lstStyle/>
                    <a:p>
                      <a:pPr algn="ctr" fontAlgn="ctr"/>
                      <a:r>
                        <a:rPr lang="en-CA" sz="2400" b="1" i="0" u="sng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and</a:t>
                      </a:r>
                    </a:p>
                  </a:txBody>
                  <a:tcPr marL="36000" marR="36000" marT="0" marB="0" anchor="ctr"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397696421"/>
                  </a:ext>
                </a:extLst>
              </a:tr>
              <a:tr h="707470">
                <a:tc gridSpan="4">
                  <a:txBody>
                    <a:bodyPr/>
                    <a:lstStyle/>
                    <a:p>
                      <a:pPr marL="0" indent="0" algn="ctr">
                        <a:buFont typeface="Wingdings" panose="05000000000000000000" pitchFamily="2" charset="2"/>
                        <a:buNone/>
                      </a:pPr>
                      <a:r>
                        <a:rPr lang="en-CA" sz="2400" b="1" dirty="0" err="1">
                          <a:solidFill>
                            <a:schemeClr val="tx1">
                              <a:lumMod val="75000"/>
                            </a:schemeClr>
                          </a:solidFill>
                        </a:rPr>
                        <a:t>iClub</a:t>
                      </a:r>
                      <a:r>
                        <a:rPr lang="en-CA" sz="2400" b="1" dirty="0">
                          <a:solidFill>
                            <a:schemeClr val="tx1">
                              <a:lumMod val="75000"/>
                            </a:schemeClr>
                          </a:solidFill>
                        </a:rPr>
                        <a:t> Platinum Membership until end of 2021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69928825"/>
                  </a:ext>
                </a:extLst>
              </a:tr>
            </a:tbl>
          </a:graphicData>
        </a:graphic>
      </p:graphicFrame>
      <p:graphicFrame>
        <p:nvGraphicFramePr>
          <p:cNvPr id="37" name="Table 36">
            <a:extLst>
              <a:ext uri="{FF2B5EF4-FFF2-40B4-BE49-F238E27FC236}">
                <a16:creationId xmlns:a16="http://schemas.microsoft.com/office/drawing/2014/main" id="{5BCED61F-26DD-4DD4-BCA7-07EC7D56DF2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16545502"/>
              </p:ext>
            </p:extLst>
          </p:nvPr>
        </p:nvGraphicFramePr>
        <p:xfrm>
          <a:off x="12757618" y="3851119"/>
          <a:ext cx="8061097" cy="5951508"/>
        </p:xfrm>
        <a:graphic>
          <a:graphicData uri="http://schemas.openxmlformats.org/drawingml/2006/table">
            <a:tbl>
              <a:tblPr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tableStyleId>{5C22544A-7EE6-4342-B048-85BDC9FD1C3A}</a:tableStyleId>
              </a:tblPr>
              <a:tblGrid>
                <a:gridCol w="223107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65838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79633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492004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613266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 </a:t>
                      </a:r>
                      <a:r>
                        <a:rPr lang="en-CA" sz="2400" b="1" i="0" u="none" strike="noStrike" dirty="0">
                          <a:solidFill>
                            <a:schemeClr val="bg1">
                              <a:lumMod val="95000"/>
                            </a:schemeClr>
                          </a:solidFill>
                          <a:effectLst/>
                          <a:latin typeface="Calibri"/>
                        </a:rPr>
                        <a:t>Offer Breakdown</a:t>
                      </a:r>
                      <a:endParaRPr lang="en-CA" sz="2400" b="1" i="0" u="none" strike="noStrike" baseline="0" dirty="0">
                        <a:solidFill>
                          <a:schemeClr val="bg1">
                            <a:lumMod val="9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784021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romo Code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21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T21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09682429"/>
                  </a:ext>
                </a:extLst>
              </a:tr>
              <a:tr h="4400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Deposit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ash + Pricing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ree Trades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rowSpan="8">
                  <a:txBody>
                    <a:bodyPr/>
                    <a:lstStyle/>
                    <a:p>
                      <a:pPr algn="ctr" fontAlgn="ctr"/>
                      <a:r>
                        <a:rPr lang="nn-NO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K+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4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7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3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0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4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M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5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</a:tbl>
          </a:graphicData>
        </a:graphic>
      </p:graphicFrame>
      <p:sp>
        <p:nvSpPr>
          <p:cNvPr id="38" name="Rectangle 37">
            <a:extLst>
              <a:ext uri="{FF2B5EF4-FFF2-40B4-BE49-F238E27FC236}">
                <a16:creationId xmlns:a16="http://schemas.microsoft.com/office/drawing/2014/main" id="{92F45DB0-767A-4463-B047-3E886450E2E8}"/>
              </a:ext>
            </a:extLst>
          </p:cNvPr>
          <p:cNvSpPr/>
          <p:nvPr/>
        </p:nvSpPr>
        <p:spPr>
          <a:xfrm>
            <a:off x="4094142" y="3232202"/>
            <a:ext cx="7215106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126"/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High Value Clients.</a:t>
            </a:r>
            <a:endParaRPr lang="en-US" sz="2400" b="0" dirty="0">
              <a:solidFill>
                <a:srgbClr val="000000">
                  <a:lumMod val="75000"/>
                  <a:lumOff val="25000"/>
                </a:srgbClr>
              </a:solidFill>
              <a:latin typeface="Scotia" panose="020B0503020203020204" pitchFamily="34" charset="0"/>
              <a:ea typeface="Scotia" panose="020B0503020203020204" pitchFamily="34" charset="0"/>
              <a:cs typeface="Montserrat Semi" charset="0"/>
            </a:endParaRPr>
          </a:p>
        </p:txBody>
      </p:sp>
      <p:pic>
        <p:nvPicPr>
          <p:cNvPr id="39" name="Picture 12" descr="https://static.thenounproject.com/png/2940424-200.png">
            <a:extLst>
              <a:ext uri="{FF2B5EF4-FFF2-40B4-BE49-F238E27FC236}">
                <a16:creationId xmlns:a16="http://schemas.microsoft.com/office/drawing/2014/main" id="{A0D9B511-084B-4770-AC91-F07BADC5479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8682" y="3116392"/>
            <a:ext cx="746102" cy="681458"/>
          </a:xfrm>
          <a:prstGeom prst="rect">
            <a:avLst/>
          </a:prstGeom>
          <a:noFill/>
        </p:spPr>
      </p:pic>
      <p:pic>
        <p:nvPicPr>
          <p:cNvPr id="40" name="Picture 12" descr="https://static.thenounproject.com/png/2940424-200.png">
            <a:extLst>
              <a:ext uri="{FF2B5EF4-FFF2-40B4-BE49-F238E27FC236}">
                <a16:creationId xmlns:a16="http://schemas.microsoft.com/office/drawing/2014/main" id="{F0B7B8B2-B7EF-4388-AEEB-B5EBD5370B6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198448" y="3116392"/>
            <a:ext cx="674275" cy="615854"/>
          </a:xfrm>
          <a:prstGeom prst="rect">
            <a:avLst/>
          </a:prstGeom>
          <a:noFill/>
        </p:spPr>
      </p:pic>
      <p:sp>
        <p:nvSpPr>
          <p:cNvPr id="41" name="Rectangle 40">
            <a:extLst>
              <a:ext uri="{FF2B5EF4-FFF2-40B4-BE49-F238E27FC236}">
                <a16:creationId xmlns:a16="http://schemas.microsoft.com/office/drawing/2014/main" id="{9B36DCF4-F988-4F47-8BD2-7839A6379570}"/>
              </a:ext>
            </a:extLst>
          </p:cNvPr>
          <p:cNvSpPr/>
          <p:nvPr/>
        </p:nvSpPr>
        <p:spPr>
          <a:xfrm>
            <a:off x="13454383" y="3229636"/>
            <a:ext cx="8311509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126"/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Mass market, targeted </a:t>
            </a:r>
            <a:r>
              <a:rPr lang="en-CA" sz="2400" dirty="0">
                <a:ea typeface="Scotia" panose="020B0503020203020204" pitchFamily="34" charset="0"/>
              </a:rPr>
              <a:t>ABC</a:t>
            </a:r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 prospects &amp; lifecycle clients.</a:t>
            </a:r>
            <a:endParaRPr lang="en-US" sz="2400" b="0" dirty="0">
              <a:solidFill>
                <a:srgbClr val="000000">
                  <a:lumMod val="75000"/>
                  <a:lumOff val="25000"/>
                </a:srgbClr>
              </a:solidFill>
              <a:latin typeface="Scotia" panose="020B0503020203020204" pitchFamily="34" charset="0"/>
              <a:ea typeface="Scotia" panose="020B0503020203020204" pitchFamily="34" charset="0"/>
              <a:cs typeface="Montserrat Semi" charset="0"/>
            </a:endParaRPr>
          </a:p>
        </p:txBody>
      </p:sp>
      <p:sp>
        <p:nvSpPr>
          <p:cNvPr id="14" name="Pentagon 2">
            <a:extLst>
              <a:ext uri="{FF2B5EF4-FFF2-40B4-BE49-F238E27FC236}">
                <a16:creationId xmlns:a16="http://schemas.microsoft.com/office/drawing/2014/main" id="{40092680-EC12-4A4E-B27B-0A1E6784B447}"/>
              </a:ext>
            </a:extLst>
          </p:cNvPr>
          <p:cNvSpPr/>
          <p:nvPr/>
        </p:nvSpPr>
        <p:spPr>
          <a:xfrm>
            <a:off x="3563698" y="10644912"/>
            <a:ext cx="1782779" cy="471308"/>
          </a:xfrm>
          <a:prstGeom prst="homePlate">
            <a:avLst/>
          </a:prstGeom>
          <a:solidFill>
            <a:schemeClr val="accent5">
              <a:lumMod val="60000"/>
              <a:lumOff val="40000"/>
            </a:schemeClr>
          </a:solidFill>
          <a:ln w="7620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Oct 14</a:t>
            </a:r>
            <a:endParaRPr lang="en-CA" sz="2000" b="1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5" name="Chevron 3">
            <a:extLst>
              <a:ext uri="{FF2B5EF4-FFF2-40B4-BE49-F238E27FC236}">
                <a16:creationId xmlns:a16="http://schemas.microsoft.com/office/drawing/2014/main" id="{4E53F4D1-816F-49A9-A049-F3218253C2D1}"/>
              </a:ext>
            </a:extLst>
          </p:cNvPr>
          <p:cNvSpPr/>
          <p:nvPr/>
        </p:nvSpPr>
        <p:spPr>
          <a:xfrm>
            <a:off x="5158067" y="10632518"/>
            <a:ext cx="1925688" cy="496096"/>
          </a:xfrm>
          <a:prstGeom prst="chevr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6" name="Chevron 35">
            <a:extLst>
              <a:ext uri="{FF2B5EF4-FFF2-40B4-BE49-F238E27FC236}">
                <a16:creationId xmlns:a16="http://schemas.microsoft.com/office/drawing/2014/main" id="{929CA1E8-5605-48D4-B93D-10F405867224}"/>
              </a:ext>
            </a:extLst>
          </p:cNvPr>
          <p:cNvSpPr/>
          <p:nvPr/>
        </p:nvSpPr>
        <p:spPr>
          <a:xfrm>
            <a:off x="6636557" y="10632518"/>
            <a:ext cx="1925688" cy="496096"/>
          </a:xfrm>
          <a:prstGeom prst="chevron">
            <a:avLst/>
          </a:prstGeom>
          <a:solidFill>
            <a:schemeClr val="bg1">
              <a:lumMod val="6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3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7" name="Chevron 36">
            <a:extLst>
              <a:ext uri="{FF2B5EF4-FFF2-40B4-BE49-F238E27FC236}">
                <a16:creationId xmlns:a16="http://schemas.microsoft.com/office/drawing/2014/main" id="{CA5DEC7E-A260-4710-A75D-4423727FF01B}"/>
              </a:ext>
            </a:extLst>
          </p:cNvPr>
          <p:cNvSpPr/>
          <p:nvPr/>
        </p:nvSpPr>
        <p:spPr>
          <a:xfrm>
            <a:off x="8092028" y="10632518"/>
            <a:ext cx="1925688" cy="496096"/>
          </a:xfrm>
          <a:prstGeom prst="chevron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n 30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5EC24C0B-C27A-4750-9CD3-783CFDC120AD}"/>
              </a:ext>
            </a:extLst>
          </p:cNvPr>
          <p:cNvSpPr txBox="1"/>
          <p:nvPr/>
        </p:nvSpPr>
        <p:spPr>
          <a:xfrm>
            <a:off x="3983640" y="10038609"/>
            <a:ext cx="1615656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Launch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9" name="TextBox 18">
            <a:extLst>
              <a:ext uri="{FF2B5EF4-FFF2-40B4-BE49-F238E27FC236}">
                <a16:creationId xmlns:a16="http://schemas.microsoft.com/office/drawing/2014/main" id="{0FFB95F5-535D-4A86-B7E1-A771B931F0A7}"/>
              </a:ext>
            </a:extLst>
          </p:cNvPr>
          <p:cNvSpPr txBox="1"/>
          <p:nvPr/>
        </p:nvSpPr>
        <p:spPr>
          <a:xfrm>
            <a:off x="5440744" y="10038609"/>
            <a:ext cx="1740459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Enroll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0" name="TextBox 19">
            <a:extLst>
              <a:ext uri="{FF2B5EF4-FFF2-40B4-BE49-F238E27FC236}">
                <a16:creationId xmlns:a16="http://schemas.microsoft.com/office/drawing/2014/main" id="{BF812B58-7DB6-4303-B73E-AC5FB6C41E00}"/>
              </a:ext>
            </a:extLst>
          </p:cNvPr>
          <p:cNvSpPr txBox="1"/>
          <p:nvPr/>
        </p:nvSpPr>
        <p:spPr>
          <a:xfrm>
            <a:off x="6801725" y="10038609"/>
            <a:ext cx="2025003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Fund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1" name="TextBox 20">
            <a:extLst>
              <a:ext uri="{FF2B5EF4-FFF2-40B4-BE49-F238E27FC236}">
                <a16:creationId xmlns:a16="http://schemas.microsoft.com/office/drawing/2014/main" id="{2D0053BD-57C1-4F50-A762-4AF01FC6F87C}"/>
              </a:ext>
            </a:extLst>
          </p:cNvPr>
          <p:cNvSpPr txBox="1"/>
          <p:nvPr/>
        </p:nvSpPr>
        <p:spPr>
          <a:xfrm>
            <a:off x="9674313" y="10038609"/>
            <a:ext cx="2141760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 Payout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2" name="TextBox 21">
            <a:extLst>
              <a:ext uri="{FF2B5EF4-FFF2-40B4-BE49-F238E27FC236}">
                <a16:creationId xmlns:a16="http://schemas.microsoft.com/office/drawing/2014/main" id="{3236CC09-E2FD-4C8A-9474-13ED82941EA8}"/>
              </a:ext>
            </a:extLst>
          </p:cNvPr>
          <p:cNvSpPr txBox="1"/>
          <p:nvPr/>
        </p:nvSpPr>
        <p:spPr>
          <a:xfrm>
            <a:off x="8256186" y="10038609"/>
            <a:ext cx="1925688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Hold Until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3" name="Chevron 36">
            <a:extLst>
              <a:ext uri="{FF2B5EF4-FFF2-40B4-BE49-F238E27FC236}">
                <a16:creationId xmlns:a16="http://schemas.microsoft.com/office/drawing/2014/main" id="{4F6FAED5-9E3F-4E23-809B-C1F724DE3475}"/>
              </a:ext>
            </a:extLst>
          </p:cNvPr>
          <p:cNvSpPr/>
          <p:nvPr/>
        </p:nvSpPr>
        <p:spPr>
          <a:xfrm>
            <a:off x="9547500" y="10632518"/>
            <a:ext cx="1970941" cy="496096"/>
          </a:xfrm>
          <a:prstGeom prst="chevron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ly 31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4" name="Pentagon 2">
            <a:extLst>
              <a:ext uri="{FF2B5EF4-FFF2-40B4-BE49-F238E27FC236}">
                <a16:creationId xmlns:a16="http://schemas.microsoft.com/office/drawing/2014/main" id="{C5A1D330-F914-44F1-868F-4A550EA094CE}"/>
              </a:ext>
            </a:extLst>
          </p:cNvPr>
          <p:cNvSpPr/>
          <p:nvPr/>
        </p:nvSpPr>
        <p:spPr>
          <a:xfrm>
            <a:off x="12757617" y="10527119"/>
            <a:ext cx="1865829" cy="437657"/>
          </a:xfrm>
          <a:prstGeom prst="homePlate">
            <a:avLst/>
          </a:prstGeom>
          <a:solidFill>
            <a:srgbClr val="92D050"/>
          </a:solidFill>
          <a:ln w="7620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Nov 10</a:t>
            </a:r>
            <a:endParaRPr lang="en-CA" sz="2000" b="1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5" name="Chevron 3">
            <a:extLst>
              <a:ext uri="{FF2B5EF4-FFF2-40B4-BE49-F238E27FC236}">
                <a16:creationId xmlns:a16="http://schemas.microsoft.com/office/drawing/2014/main" id="{AA4F5ABA-C9F8-49F5-A821-BF2ABC686CC5}"/>
              </a:ext>
            </a:extLst>
          </p:cNvPr>
          <p:cNvSpPr/>
          <p:nvPr/>
        </p:nvSpPr>
        <p:spPr>
          <a:xfrm>
            <a:off x="14407150" y="10492521"/>
            <a:ext cx="2085697" cy="496096"/>
          </a:xfrm>
          <a:prstGeom prst="chevr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6" name="Chevron 35">
            <a:extLst>
              <a:ext uri="{FF2B5EF4-FFF2-40B4-BE49-F238E27FC236}">
                <a16:creationId xmlns:a16="http://schemas.microsoft.com/office/drawing/2014/main" id="{176CA08F-5291-4FF0-84DB-071E76176F7A}"/>
              </a:ext>
            </a:extLst>
          </p:cNvPr>
          <p:cNvSpPr/>
          <p:nvPr/>
        </p:nvSpPr>
        <p:spPr>
          <a:xfrm>
            <a:off x="15862621" y="10492521"/>
            <a:ext cx="2085697" cy="496096"/>
          </a:xfrm>
          <a:prstGeom prst="chevron">
            <a:avLst/>
          </a:prstGeom>
          <a:solidFill>
            <a:schemeClr val="bg1">
              <a:lumMod val="6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3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7" name="Chevron 36">
            <a:extLst>
              <a:ext uri="{FF2B5EF4-FFF2-40B4-BE49-F238E27FC236}">
                <a16:creationId xmlns:a16="http://schemas.microsoft.com/office/drawing/2014/main" id="{C5653689-51B3-4F13-9766-F7F10874AF80}"/>
              </a:ext>
            </a:extLst>
          </p:cNvPr>
          <p:cNvSpPr/>
          <p:nvPr/>
        </p:nvSpPr>
        <p:spPr>
          <a:xfrm>
            <a:off x="17318092" y="10492521"/>
            <a:ext cx="2085697" cy="496096"/>
          </a:xfrm>
          <a:prstGeom prst="chevron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n 30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8" name="TextBox 27">
            <a:extLst>
              <a:ext uri="{FF2B5EF4-FFF2-40B4-BE49-F238E27FC236}">
                <a16:creationId xmlns:a16="http://schemas.microsoft.com/office/drawing/2014/main" id="{A7DAE4DF-6FA2-4F3C-8649-FB252192E408}"/>
              </a:ext>
            </a:extLst>
          </p:cNvPr>
          <p:cNvSpPr txBox="1"/>
          <p:nvPr/>
        </p:nvSpPr>
        <p:spPr>
          <a:xfrm>
            <a:off x="13262571" y="9973538"/>
            <a:ext cx="1220304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Launch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9" name="TextBox 28">
            <a:extLst>
              <a:ext uri="{FF2B5EF4-FFF2-40B4-BE49-F238E27FC236}">
                <a16:creationId xmlns:a16="http://schemas.microsoft.com/office/drawing/2014/main" id="{F66FE9B1-C8DA-4CB4-8DFA-AFCF530DF6EA}"/>
              </a:ext>
            </a:extLst>
          </p:cNvPr>
          <p:cNvSpPr txBox="1"/>
          <p:nvPr/>
        </p:nvSpPr>
        <p:spPr>
          <a:xfrm>
            <a:off x="14719675" y="9973538"/>
            <a:ext cx="1314567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Enroll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0" name="TextBox 29">
            <a:extLst>
              <a:ext uri="{FF2B5EF4-FFF2-40B4-BE49-F238E27FC236}">
                <a16:creationId xmlns:a16="http://schemas.microsoft.com/office/drawing/2014/main" id="{ED0CB280-CB4B-4CBB-B87E-71F92E93C41A}"/>
              </a:ext>
            </a:extLst>
          </p:cNvPr>
          <p:cNvSpPr txBox="1"/>
          <p:nvPr/>
        </p:nvSpPr>
        <p:spPr>
          <a:xfrm>
            <a:off x="16080656" y="9973538"/>
            <a:ext cx="1529482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Fund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1" name="TextBox 30">
            <a:extLst>
              <a:ext uri="{FF2B5EF4-FFF2-40B4-BE49-F238E27FC236}">
                <a16:creationId xmlns:a16="http://schemas.microsoft.com/office/drawing/2014/main" id="{27602D03-9E65-4657-A848-9EB3848547CF}"/>
              </a:ext>
            </a:extLst>
          </p:cNvPr>
          <p:cNvSpPr txBox="1"/>
          <p:nvPr/>
        </p:nvSpPr>
        <p:spPr>
          <a:xfrm>
            <a:off x="18953244" y="9973538"/>
            <a:ext cx="1617669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 Payout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2" name="TextBox 31">
            <a:extLst>
              <a:ext uri="{FF2B5EF4-FFF2-40B4-BE49-F238E27FC236}">
                <a16:creationId xmlns:a16="http://schemas.microsoft.com/office/drawing/2014/main" id="{4BE5C3EB-9F93-4494-95C3-FDEA5A5D36C3}"/>
              </a:ext>
            </a:extLst>
          </p:cNvPr>
          <p:cNvSpPr txBox="1"/>
          <p:nvPr/>
        </p:nvSpPr>
        <p:spPr>
          <a:xfrm>
            <a:off x="17535117" y="9973538"/>
            <a:ext cx="1454471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Hold Until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3" name="Chevron 36">
            <a:extLst>
              <a:ext uri="{FF2B5EF4-FFF2-40B4-BE49-F238E27FC236}">
                <a16:creationId xmlns:a16="http://schemas.microsoft.com/office/drawing/2014/main" id="{1AC20467-997F-4878-BB96-02C71FE8DA41}"/>
              </a:ext>
            </a:extLst>
          </p:cNvPr>
          <p:cNvSpPr/>
          <p:nvPr/>
        </p:nvSpPr>
        <p:spPr>
          <a:xfrm>
            <a:off x="18773566" y="10492521"/>
            <a:ext cx="2045150" cy="496096"/>
          </a:xfrm>
          <a:prstGeom prst="chevron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ly 31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5" name="Rectangle 34">
            <a:extLst>
              <a:ext uri="{FF2B5EF4-FFF2-40B4-BE49-F238E27FC236}">
                <a16:creationId xmlns:a16="http://schemas.microsoft.com/office/drawing/2014/main" id="{CDB2C3CB-B304-4678-9433-914F69E8127A}"/>
              </a:ext>
            </a:extLst>
          </p:cNvPr>
          <p:cNvSpPr/>
          <p:nvPr/>
        </p:nvSpPr>
        <p:spPr>
          <a:xfrm>
            <a:off x="2500604" y="12150769"/>
            <a:ext cx="19595413" cy="13542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b="1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First time </a:t>
            </a: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targeting Scotiabank High Value Customers (HVC)  with special pricing &amp; Platinum benefits</a:t>
            </a: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 Introduced $5,000 funding tier – first in the market to attract </a:t>
            </a:r>
            <a:r>
              <a:rPr lang="en-CA" sz="2400" b="1" dirty="0">
                <a:latin typeface="Scotia Light"/>
                <a:ea typeface="Scotia" panose="020B0503020203020204" pitchFamily="34" charset="0"/>
              </a:rPr>
              <a:t>Main Street and Young Investors </a:t>
            </a:r>
          </a:p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Targeting criteria expanded to include </a:t>
            </a:r>
            <a:r>
              <a:rPr lang="en-CA" sz="2400" b="1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ABC </a:t>
            </a: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clients through propensity model</a:t>
            </a:r>
          </a:p>
        </p:txBody>
      </p:sp>
    </p:spTree>
    <p:extLst>
      <p:ext uri="{BB962C8B-B14F-4D97-AF65-F5344CB8AC3E}">
        <p14:creationId xmlns:p14="http://schemas.microsoft.com/office/powerpoint/2010/main" val="16446965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4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4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5175" y="1092554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2     Campaign Overview Results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en-US" sz="7200" b="0" i="0" u="none" strike="noStrike" kern="120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Campaign Results Overview</a:t>
            </a: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3EDF7BAF-E80C-4763-9570-F4D971B758EA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47420893"/>
              </p:ext>
            </p:extLst>
          </p:nvPr>
        </p:nvGraphicFramePr>
        <p:xfrm>
          <a:off x="1630680" y="3058158"/>
          <a:ext cx="20385392" cy="711846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5556929">
                  <a:extLst>
                    <a:ext uri="{9D8B030D-6E8A-4147-A177-3AD203B41FA5}">
                      <a16:colId xmlns:a16="http://schemas.microsoft.com/office/drawing/2014/main" val="1942751490"/>
                    </a:ext>
                  </a:extLst>
                </a:gridCol>
                <a:gridCol w="2457489">
                  <a:extLst>
                    <a:ext uri="{9D8B030D-6E8A-4147-A177-3AD203B41FA5}">
                      <a16:colId xmlns:a16="http://schemas.microsoft.com/office/drawing/2014/main" val="166974865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2348390866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1540695917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1479199453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275114046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3820412303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4089171391"/>
                    </a:ext>
                  </a:extLst>
                </a:gridCol>
              </a:tblGrid>
              <a:tr h="59944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 Group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ed Bas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Qualifi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</a:p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Rate 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 per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Client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49666317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Acquisition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452,78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8,97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2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,02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40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0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3012373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Mass Marketing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1217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70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5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91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2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52021598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ABC High Value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48,90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125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3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7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53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29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92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543020844"/>
                  </a:ext>
                </a:extLst>
              </a:tr>
              <a:tr h="1665966">
                <a:tc>
                  <a:txBody>
                    <a:bodyPr/>
                    <a:lstStyle/>
                    <a:p>
                      <a:pPr marL="0" indent="0" algn="l" rtl="0" fontAlgn="ctr">
                        <a:buFont typeface="Arial" panose="020B0604020202020204" pitchFamily="34" charset="0"/>
                        <a:buNone/>
                      </a:pPr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ABC Target Group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with top 40% in propensity score 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French clients</a:t>
                      </a:r>
                    </a:p>
                    <a:p>
                      <a:pPr marL="1257254" marR="0" lvl="1" indent="-342900" algn="l" defTabSz="1828709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New to Scotiabank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had business with other FI’s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103,87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,503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2,64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8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6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8883868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Lifecycle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4,94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,588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.8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,27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60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7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25738321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Engagement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New clients never enrolled in campaign)</a:t>
                      </a:r>
                      <a:endParaRPr lang="en-CA" sz="16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451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08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4.4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22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4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74189536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Onboarding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unfunded clients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3709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8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0.7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5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4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32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592458813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Retention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AUA &lt; $1M; Transfer out &gt;$10M; AUA &gt;$1M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586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21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.6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3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2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9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76660364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Disengagement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No Transfer IN activity for the past year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747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.17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9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8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6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899981884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No Target 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24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06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7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9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87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4001522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577,72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13,567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,29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56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8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89694644"/>
                  </a:ext>
                </a:extLst>
              </a:tr>
            </a:tbl>
          </a:graphicData>
        </a:graphic>
      </p:graphicFrame>
      <p:sp>
        <p:nvSpPr>
          <p:cNvPr id="6" name="TextBox 5">
            <a:extLst>
              <a:ext uri="{FF2B5EF4-FFF2-40B4-BE49-F238E27FC236}">
                <a16:creationId xmlns:a16="http://schemas.microsoft.com/office/drawing/2014/main" id="{0943544A-215A-467B-A6C4-BB46D81F55E0}"/>
              </a:ext>
            </a:extLst>
          </p:cNvPr>
          <p:cNvSpPr txBox="1"/>
          <p:nvPr/>
        </p:nvSpPr>
        <p:spPr>
          <a:xfrm>
            <a:off x="1810147" y="10609738"/>
            <a:ext cx="19614997" cy="273921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Overall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Over 13M clients enrolled (double of F20, 5838); $563MM assets (x 1.3 times &gt; F20, 433MM)</a:t>
            </a:r>
          </a:p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Acquisition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: 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VC conversion rate (0.36%) was 1.7 times greater than </a:t>
            </a:r>
            <a:r>
              <a:rPr lang="en-CA" sz="2000" dirty="0">
                <a:solidFill>
                  <a:srgbClr val="333333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anose="020B0604020202020204" pitchFamily="34" charset="0"/>
              </a:rPr>
              <a:t>the regular ABC target group 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(0.21%)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VC assets per client ($192M) was triple of </a:t>
            </a:r>
            <a:r>
              <a:rPr lang="en-CA" sz="2000" dirty="0">
                <a:solidFill>
                  <a:srgbClr val="333333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anose="020B0604020202020204" pitchFamily="34" charset="0"/>
              </a:rPr>
              <a:t>the regular ABC target group 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($69M)</a:t>
            </a:r>
          </a:p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Lifecycle: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 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Onboarding, Retention and Disengagement groups were difficult to attract assets, but still transferred in $45MM.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igh Conversion rate were seen in Engagement and Retention groups.</a:t>
            </a:r>
          </a:p>
        </p:txBody>
      </p:sp>
    </p:spTree>
    <p:extLst>
      <p:ext uri="{BB962C8B-B14F-4D97-AF65-F5344CB8AC3E}">
        <p14:creationId xmlns:p14="http://schemas.microsoft.com/office/powerpoint/2010/main" val="2501866909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5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5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5175" y="1120396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2     Campaign Overview Results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sz="72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Results on ABC Target Group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43544A-215A-467B-A6C4-BB46D81F55E0}"/>
              </a:ext>
            </a:extLst>
          </p:cNvPr>
          <p:cNvSpPr txBox="1"/>
          <p:nvPr/>
        </p:nvSpPr>
        <p:spPr>
          <a:xfrm>
            <a:off x="1420693" y="10544496"/>
            <a:ext cx="22494530" cy="184665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lient with top 40% propensity score contributed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89% 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of assets in ABC Target Group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onversion rate and qualified asset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declined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as propensity score decreased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rench clients and New to Scotiabank group contributed $15MM assets which wa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8%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of assets in ABC Target group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rench conversion rate </a:t>
            </a: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(0.07%) 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wa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lower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than group average rate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Over 1200 Millennials enrolled which was 0.24% of all target Millennials.</a:t>
            </a:r>
          </a:p>
        </p:txBody>
      </p:sp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9905727B-C15B-40CD-B74C-57510CAD6936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287683098"/>
              </p:ext>
            </p:extLst>
          </p:nvPr>
        </p:nvGraphicFramePr>
        <p:xfrm>
          <a:off x="1588385" y="3136651"/>
          <a:ext cx="20703719" cy="6741659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4841291">
                  <a:extLst>
                    <a:ext uri="{9D8B030D-6E8A-4147-A177-3AD203B41FA5}">
                      <a16:colId xmlns:a16="http://schemas.microsoft.com/office/drawing/2014/main" val="1128162077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060064998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1376939470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3351603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736526589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2091357920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755938041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2731976075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736141452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1730972814"/>
                    </a:ext>
                  </a:extLst>
                </a:gridCol>
              </a:tblGrid>
              <a:tr h="1117717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BC Target Group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ed Bas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Millennial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Millennials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 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per Qualified Client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869989188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1: 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with top 40% Propensity Score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,523,39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,66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22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13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,303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1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63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7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86426478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1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30,97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,081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42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7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4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33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3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08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8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335710365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2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30,234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43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20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74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3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8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31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8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08669992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3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57,473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1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0.13%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183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6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7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15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6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40973795"/>
                  </a:ext>
                </a:extLst>
              </a:tr>
              <a:tr h="64625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4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04,717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445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0.09%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99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69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8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9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3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235014825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2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French Clients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36,89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31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07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4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7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69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15348275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3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New to Scotiabank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142,160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318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22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6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3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2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8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6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17338213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4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Clients had business with other FI's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1,42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288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28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62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43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5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6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48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10067898"/>
                  </a:ext>
                </a:extLst>
              </a:tr>
              <a:tr h="62814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Total</a:t>
                      </a:r>
                      <a:endParaRPr lang="en-CA" sz="2000" b="0" i="0" u="none" strike="noStrike" dirty="0">
                        <a:solidFill>
                          <a:srgbClr val="FF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3,103,87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6,50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0.2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1,282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2,64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4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83MM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69M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5129263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64452679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6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6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65584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3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Offer Overview</a:t>
            </a: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Offer Tiers</a:t>
            </a:r>
            <a:r>
              <a:rPr lang="en-US" altLang="en-US" sz="7200" spc="600" dirty="0">
                <a:solidFill>
                  <a:schemeClr val="bg1">
                    <a:lumMod val="85000"/>
                  </a:schemeClr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 Analysis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3" name="Table 2">
            <a:extLst>
              <a:ext uri="{FF2B5EF4-FFF2-40B4-BE49-F238E27FC236}">
                <a16:creationId xmlns:a16="http://schemas.microsoft.com/office/drawing/2014/main" id="{661727C0-18EF-46F2-B8BB-6FB5C9ADF45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10887377"/>
              </p:ext>
            </p:extLst>
          </p:nvPr>
        </p:nvGraphicFramePr>
        <p:xfrm>
          <a:off x="1382527" y="3266141"/>
          <a:ext cx="21005036" cy="670082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603490">
                  <a:extLst>
                    <a:ext uri="{9D8B030D-6E8A-4147-A177-3AD203B41FA5}">
                      <a16:colId xmlns:a16="http://schemas.microsoft.com/office/drawing/2014/main" val="2264774976"/>
                    </a:ext>
                  </a:extLst>
                </a:gridCol>
                <a:gridCol w="2030907">
                  <a:extLst>
                    <a:ext uri="{9D8B030D-6E8A-4147-A177-3AD203B41FA5}">
                      <a16:colId xmlns:a16="http://schemas.microsoft.com/office/drawing/2014/main" val="37640844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18577432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13831199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93648917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4260528500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057163887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8195694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0527361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94423720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0474805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608475994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576987030"/>
                    </a:ext>
                  </a:extLst>
                </a:gridCol>
              </a:tblGrid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Tier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ash + Pricing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Clien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lients %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% of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Free Trade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Clien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lients %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% of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10168329"/>
                  </a:ext>
                </a:extLst>
              </a:tr>
              <a:tr h="69098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solidFill>
                            <a:schemeClr val="tx1"/>
                          </a:solidFill>
                          <a:effectLst/>
                          <a:latin typeface="+mj-lt"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chemeClr val="tx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9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8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8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3.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5311516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solidFill>
                            <a:schemeClr val="tx1"/>
                          </a:solidFill>
                          <a:effectLst/>
                          <a:latin typeface="+mj-lt"/>
                        </a:rPr>
                        <a:t>$10M+</a:t>
                      </a:r>
                      <a:endParaRPr lang="en-CA" sz="2000" b="0" i="0" u="none" strike="noStrike" dirty="0">
                        <a:solidFill>
                          <a:schemeClr val="tx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111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7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61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9.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4769934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5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7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2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5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1.7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10464289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3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7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4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6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6.9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493735722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4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7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8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16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6.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531495717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75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3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7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.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67044078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,0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1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7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2.2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6916849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,5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.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591653498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effectLst/>
                          <a:latin typeface="+mj-lt"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effectLst/>
                          <a:latin typeface="+mj-lt"/>
                        </a:rPr>
                        <a:t> 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38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$46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0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99.2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3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84426281"/>
                  </a:ext>
                </a:extLst>
              </a:tr>
            </a:tbl>
          </a:graphicData>
        </a:graphic>
      </p:graphicFrame>
      <p:sp>
        <p:nvSpPr>
          <p:cNvPr id="8" name="TextBox 7">
            <a:extLst>
              <a:ext uri="{FF2B5EF4-FFF2-40B4-BE49-F238E27FC236}">
                <a16:creationId xmlns:a16="http://schemas.microsoft.com/office/drawing/2014/main" id="{12BCB731-5975-468E-BD26-AB34B8EFAADC}"/>
              </a:ext>
            </a:extLst>
          </p:cNvPr>
          <p:cNvSpPr txBox="1"/>
          <p:nvPr/>
        </p:nvSpPr>
        <p:spPr>
          <a:xfrm>
            <a:off x="1317905" y="10701265"/>
            <a:ext cx="21681978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70% of clients chose cash offer and brought in 83% of total assets. 4% of them are Millennials. And most of Millennials were at lowest tier (5M+)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lients at higher tiers were more interested in Cash Offer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40% of all Millennials chose FT, whereas only 30% of other age groups chose FT. It showed that Millennials were more willing to trade and leverage FT offer.</a:t>
            </a:r>
          </a:p>
        </p:txBody>
      </p:sp>
    </p:spTree>
    <p:extLst>
      <p:ext uri="{BB962C8B-B14F-4D97-AF65-F5344CB8AC3E}">
        <p14:creationId xmlns:p14="http://schemas.microsoft.com/office/powerpoint/2010/main" val="365443062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7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7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3     Offer Overview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$1MM+ Tier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2" name="Table 1">
            <a:extLst>
              <a:ext uri="{FF2B5EF4-FFF2-40B4-BE49-F238E27FC236}">
                <a16:creationId xmlns:a16="http://schemas.microsoft.com/office/drawing/2014/main" id="{1D1BD05D-4012-4D73-A191-B157E12F151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631124422"/>
              </p:ext>
            </p:extLst>
          </p:nvPr>
        </p:nvGraphicFramePr>
        <p:xfrm>
          <a:off x="2127592" y="2944904"/>
          <a:ext cx="19911793" cy="8743096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325647">
                  <a:extLst>
                    <a:ext uri="{9D8B030D-6E8A-4147-A177-3AD203B41FA5}">
                      <a16:colId xmlns:a16="http://schemas.microsoft.com/office/drawing/2014/main" val="3865646591"/>
                    </a:ext>
                  </a:extLst>
                </a:gridCol>
                <a:gridCol w="7562231">
                  <a:extLst>
                    <a:ext uri="{9D8B030D-6E8A-4147-A177-3AD203B41FA5}">
                      <a16:colId xmlns:a16="http://schemas.microsoft.com/office/drawing/2014/main" val="259639149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3274674145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368677433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108605513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93158930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4146990129"/>
                    </a:ext>
                  </a:extLst>
                </a:gridCol>
              </a:tblGrid>
              <a:tr h="104094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Campaign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Offer for $ 1 MM+ Tier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Qualified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Clients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Qualified Assets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 MM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Average Assets per Client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 MM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Total Assets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%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Average Incentive Cost per Client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68265783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0 FTs or $1,500 cash in Branc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6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5647809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14988912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Spring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+$1,000 Visa or 250 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9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,062/ 3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98536636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630982115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Fall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+100,00 points or 250 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9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41/ 11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456543087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 or 100,000 poi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,000/ 65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93570830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7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 + 50,000 points or 250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b"/>
                      <a:r>
                        <a:rPr lang="en-CA" sz="2000" u="none" strike="noStrike">
                          <a:effectLst/>
                        </a:rPr>
                        <a:t>36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4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3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36/ 19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96101621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500 Visa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389270600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7 Spring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0 FTs + 100,000 Points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32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6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1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4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080303857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8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200 Visa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3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2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426994747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9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or 300 FTs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7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97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4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35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4038611855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20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and 6.99 pricing or 500 FTs</a:t>
                      </a:r>
                      <a:br>
                        <a:rPr lang="en-CA" sz="2000" u="none" strike="noStrike" dirty="0">
                          <a:effectLst/>
                        </a:rPr>
                      </a:br>
                      <a:r>
                        <a:rPr lang="en-CA" sz="2000" u="none" strike="noStrike" dirty="0">
                          <a:effectLst/>
                        </a:rPr>
                        <a:t> for both New and Existing clie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1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150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800241908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21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and 6.99 pricing or 500 FTs</a:t>
                      </a:r>
                      <a:br>
                        <a:rPr lang="en-CA" sz="2000" u="none" strike="noStrike" dirty="0">
                          <a:effectLst/>
                        </a:rPr>
                      </a:br>
                      <a:r>
                        <a:rPr lang="en-CA" sz="2000" u="none" strike="noStrike" dirty="0">
                          <a:effectLst/>
                        </a:rPr>
                        <a:t> for both New and Existing clie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75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158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1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4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4266765439"/>
                  </a:ext>
                </a:extLst>
              </a:tr>
            </a:tbl>
          </a:graphicData>
        </a:graphic>
      </p:graphicFrame>
      <p:sp>
        <p:nvSpPr>
          <p:cNvPr id="3" name="TextBox 2">
            <a:extLst>
              <a:ext uri="{FF2B5EF4-FFF2-40B4-BE49-F238E27FC236}">
                <a16:creationId xmlns:a16="http://schemas.microsoft.com/office/drawing/2014/main" id="{8CA65FE5-56E6-4EB3-AEB8-965FE49A3E63}"/>
              </a:ext>
            </a:extLst>
          </p:cNvPr>
          <p:cNvSpPr txBox="1"/>
          <p:nvPr/>
        </p:nvSpPr>
        <p:spPr>
          <a:xfrm>
            <a:off x="2127592" y="12017829"/>
            <a:ext cx="19911793" cy="1338828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This year, the tier contributed high valued assets which was 28% of total assets.</a:t>
            </a:r>
          </a:p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F21 still attracted the largest number of qualified clients than previous campaigns.</a:t>
            </a:r>
          </a:p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Average incentive cost was 6% lower than last year.</a:t>
            </a:r>
          </a:p>
        </p:txBody>
      </p:sp>
    </p:spTree>
    <p:extLst>
      <p:ext uri="{BB962C8B-B14F-4D97-AF65-F5344CB8AC3E}">
        <p14:creationId xmlns:p14="http://schemas.microsoft.com/office/powerpoint/2010/main" val="2679333130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8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8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4     Incentive Cost Overview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Incentive Cost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04698486-8CE5-4530-B49E-7ED3F8AFF2CA}"/>
              </a:ext>
            </a:extLst>
          </p:cNvPr>
          <p:cNvSpPr txBox="1"/>
          <p:nvPr/>
        </p:nvSpPr>
        <p:spPr>
          <a:xfrm>
            <a:off x="14114585" y="7146637"/>
            <a:ext cx="8731128" cy="104772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incentive cost exceeded planned cost by 50%.</a:t>
            </a:r>
          </a:p>
          <a:p>
            <a:pPr marL="457200" indent="-4572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clients qualified exceeded planned by 21%</a:t>
            </a:r>
          </a:p>
        </p:txBody>
      </p:sp>
      <p:graphicFrame>
        <p:nvGraphicFramePr>
          <p:cNvPr id="24" name="Chart 23">
            <a:extLst>
              <a:ext uri="{FF2B5EF4-FFF2-40B4-BE49-F238E27FC236}">
                <a16:creationId xmlns:a16="http://schemas.microsoft.com/office/drawing/2014/main" id="{797E18C0-7D2D-4F01-BF0D-15AC98B5FE7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730434294"/>
              </p:ext>
            </p:extLst>
          </p:nvPr>
        </p:nvGraphicFramePr>
        <p:xfrm>
          <a:off x="3566095" y="4750160"/>
          <a:ext cx="8976054" cy="688839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cxnSp>
        <p:nvCxnSpPr>
          <p:cNvPr id="23" name="Straight Connector 22">
            <a:extLst>
              <a:ext uri="{FF2B5EF4-FFF2-40B4-BE49-F238E27FC236}">
                <a16:creationId xmlns:a16="http://schemas.microsoft.com/office/drawing/2014/main" id="{1413CA0D-0A6E-421D-8556-B28D77B1E94C}"/>
              </a:ext>
            </a:extLst>
          </p:cNvPr>
          <p:cNvCxnSpPr>
            <a:cxnSpLocks/>
          </p:cNvCxnSpPr>
          <p:nvPr/>
        </p:nvCxnSpPr>
        <p:spPr>
          <a:xfrm>
            <a:off x="6408420" y="7574280"/>
            <a:ext cx="205740" cy="26670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0D00F77B-0E08-498F-B867-CB0ABB91C256}"/>
              </a:ext>
            </a:extLst>
          </p:cNvPr>
          <p:cNvCxnSpPr>
            <a:cxnSpLocks/>
          </p:cNvCxnSpPr>
          <p:nvPr/>
        </p:nvCxnSpPr>
        <p:spPr>
          <a:xfrm flipV="1">
            <a:off x="9414510" y="6911340"/>
            <a:ext cx="80010" cy="27432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57433887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9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9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4     Incentive Cost Overview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Incentive Cost at Tier Level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04698486-8CE5-4530-B49E-7ED3F8AFF2CA}"/>
              </a:ext>
            </a:extLst>
          </p:cNvPr>
          <p:cNvSpPr txBox="1"/>
          <p:nvPr/>
        </p:nvSpPr>
        <p:spPr>
          <a:xfrm>
            <a:off x="2765102" y="11276063"/>
            <a:ext cx="15102839" cy="160172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T offer exceeded planned cost by 175% due to actual FT utilization rate 35%</a:t>
            </a: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Lower tiers exceeded planned cost more.</a:t>
            </a: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cost on HVC campaign was 2 times more than planned cost.</a:t>
            </a: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943AA839-65EB-4E00-95A4-3A658C0F30FE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28825449"/>
              </p:ext>
            </p:extLst>
          </p:nvPr>
        </p:nvGraphicFramePr>
        <p:xfrm>
          <a:off x="2765102" y="8595764"/>
          <a:ext cx="10404364" cy="246888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08400">
                  <a:extLst>
                    <a:ext uri="{9D8B030D-6E8A-4147-A177-3AD203B41FA5}">
                      <a16:colId xmlns:a16="http://schemas.microsoft.com/office/drawing/2014/main" val="1673603670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2361375172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90098059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171739547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2001242501"/>
                    </a:ext>
                  </a:extLst>
                </a:gridCol>
              </a:tblGrid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 Campaign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Planned</a:t>
                      </a:r>
                    </a:p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Incentive Cost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</a:p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$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123757929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Winter Campaign</a:t>
                      </a:r>
                    </a:p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-Mass Marke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817,728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      1,128,630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310,90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38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877604832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High Value Clients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 58,744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85,22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6,47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1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03874416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Total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876,47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,313,85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37,38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65734567"/>
                  </a:ext>
                </a:extLst>
              </a:tr>
            </a:tbl>
          </a:graphicData>
        </a:graphic>
      </p:graphicFrame>
      <p:sp>
        <p:nvSpPr>
          <p:cNvPr id="7" name="TextBox 6">
            <a:extLst>
              <a:ext uri="{FF2B5EF4-FFF2-40B4-BE49-F238E27FC236}">
                <a16:creationId xmlns:a16="http://schemas.microsoft.com/office/drawing/2014/main" id="{B31DD368-E0CE-4518-A58B-A34FD538A330}"/>
              </a:ext>
            </a:extLst>
          </p:cNvPr>
          <p:cNvSpPr txBox="1"/>
          <p:nvPr/>
        </p:nvSpPr>
        <p:spPr>
          <a:xfrm>
            <a:off x="20589886" y="7505431"/>
            <a:ext cx="1600199" cy="37029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1800" dirty="0"/>
              <a:t>E</a:t>
            </a:r>
            <a:r>
              <a:rPr lang="en-CA" sz="1800" dirty="0">
                <a:latin typeface="Scotia" panose="020B0503020203020204" pitchFamily="34" charset="0"/>
              </a:rPr>
              <a:t>xcludes HVC.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FF973BE4-61D1-470E-B67B-6270E3D4FE4C}"/>
              </a:ext>
            </a:extLst>
          </p:cNvPr>
          <p:cNvSpPr txBox="1"/>
          <p:nvPr/>
        </p:nvSpPr>
        <p:spPr>
          <a:xfrm>
            <a:off x="2847118" y="3058391"/>
            <a:ext cx="5550122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(CASH offer)</a:t>
            </a: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3E2D667C-702F-403B-AF25-DC908411B5AA}"/>
              </a:ext>
            </a:extLst>
          </p:cNvPr>
          <p:cNvSpPr txBox="1"/>
          <p:nvPr/>
        </p:nvSpPr>
        <p:spPr>
          <a:xfrm>
            <a:off x="2765102" y="8108332"/>
            <a:ext cx="6246818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VS High Value Clients</a:t>
            </a:r>
          </a:p>
        </p:txBody>
      </p:sp>
      <p:graphicFrame>
        <p:nvGraphicFramePr>
          <p:cNvPr id="6" name="Table 5">
            <a:extLst>
              <a:ext uri="{FF2B5EF4-FFF2-40B4-BE49-F238E27FC236}">
                <a16:creationId xmlns:a16="http://schemas.microsoft.com/office/drawing/2014/main" id="{EED4AF56-8350-4E26-842B-9732DED4F701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24841218"/>
              </p:ext>
            </p:extLst>
          </p:nvPr>
        </p:nvGraphicFramePr>
        <p:xfrm>
          <a:off x="2847116" y="3535597"/>
          <a:ext cx="9238205" cy="399038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847641">
                  <a:extLst>
                    <a:ext uri="{9D8B030D-6E8A-4147-A177-3AD203B41FA5}">
                      <a16:colId xmlns:a16="http://schemas.microsoft.com/office/drawing/2014/main" val="3084637401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2087658089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1681619339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2462970452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1227009602"/>
                    </a:ext>
                  </a:extLst>
                </a:gridCol>
              </a:tblGrid>
              <a:tr h="725673"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eposi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Cash + Pricing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lanned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77823668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,8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8,57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86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32651561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$10M+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5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,63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50,45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560%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2435731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5,70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67,7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67322299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2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4,41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3,8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2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131484849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4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83,2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2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0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6136130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75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40,0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53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03519337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,0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5,94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88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01661318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,5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21,01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69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43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66124336"/>
                  </a:ext>
                </a:extLst>
              </a:tr>
              <a:tr h="362019">
                <a:tc gridSpan="2"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Total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691,79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782,52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1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111648778"/>
                  </a:ext>
                </a:extLst>
              </a:tr>
            </a:tbl>
          </a:graphicData>
        </a:graphic>
      </p:graphicFrame>
      <p:graphicFrame>
        <p:nvGraphicFramePr>
          <p:cNvPr id="8" name="Table 7">
            <a:extLst>
              <a:ext uri="{FF2B5EF4-FFF2-40B4-BE49-F238E27FC236}">
                <a16:creationId xmlns:a16="http://schemas.microsoft.com/office/drawing/2014/main" id="{49BB4CC3-584A-41C9-9A7F-B8DC1EF411FC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938886"/>
              </p:ext>
            </p:extLst>
          </p:nvPr>
        </p:nvGraphicFramePr>
        <p:xfrm>
          <a:off x="13169466" y="3535597"/>
          <a:ext cx="8852340" cy="4001001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770468">
                  <a:extLst>
                    <a:ext uri="{9D8B030D-6E8A-4147-A177-3AD203B41FA5}">
                      <a16:colId xmlns:a16="http://schemas.microsoft.com/office/drawing/2014/main" val="2289573082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3005918585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21646379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3817984878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4148326914"/>
                    </a:ext>
                  </a:extLst>
                </a:gridCol>
              </a:tblGrid>
              <a:tr h="725525"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eposi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Free Trades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lanned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64737195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0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,41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9,28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,11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32492179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$10M+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,92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2,21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2,367%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57444997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5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,32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7,13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79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9720501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1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1,62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2,44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2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34134952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2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6,23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1,81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5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29078983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3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,98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6,3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5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969985893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4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,97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5,03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64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695284068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5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4,44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,8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87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67037898"/>
                  </a:ext>
                </a:extLst>
              </a:tr>
              <a:tr h="362762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125,92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346,105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175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79776451"/>
                  </a:ext>
                </a:extLst>
              </a:tr>
            </a:tbl>
          </a:graphicData>
        </a:graphic>
      </p:graphicFrame>
      <p:sp>
        <p:nvSpPr>
          <p:cNvPr id="16" name="TextBox 15">
            <a:extLst>
              <a:ext uri="{FF2B5EF4-FFF2-40B4-BE49-F238E27FC236}">
                <a16:creationId xmlns:a16="http://schemas.microsoft.com/office/drawing/2014/main" id="{DE0A6C18-6832-4B07-BC26-FA7DCC494048}"/>
              </a:ext>
            </a:extLst>
          </p:cNvPr>
          <p:cNvSpPr txBox="1"/>
          <p:nvPr/>
        </p:nvSpPr>
        <p:spPr>
          <a:xfrm>
            <a:off x="13169466" y="3053457"/>
            <a:ext cx="5550122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(FT offer)</a:t>
            </a: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3085AE25-F3FE-4A32-8D55-70CE6EB1F5EF}"/>
              </a:ext>
            </a:extLst>
          </p:cNvPr>
          <p:cNvSpPr txBox="1"/>
          <p:nvPr/>
        </p:nvSpPr>
        <p:spPr>
          <a:xfrm>
            <a:off x="10809392" y="7505431"/>
            <a:ext cx="1600199" cy="37029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1800" dirty="0"/>
              <a:t>E</a:t>
            </a:r>
            <a:r>
              <a:rPr lang="en-CA" sz="1800" dirty="0">
                <a:latin typeface="Scotia" panose="020B0503020203020204" pitchFamily="34" charset="0"/>
              </a:rPr>
              <a:t>xcludes HVC.</a:t>
            </a:r>
          </a:p>
        </p:txBody>
      </p:sp>
    </p:spTree>
    <p:extLst>
      <p:ext uri="{BB962C8B-B14F-4D97-AF65-F5344CB8AC3E}">
        <p14:creationId xmlns:p14="http://schemas.microsoft.com/office/powerpoint/2010/main" val="2622786250"/>
      </p:ext>
    </p:extLst>
  </p:cSld>
  <p:clrMapOvr>
    <a:masterClrMapping/>
  </p:clrMapOvr>
</p:sld>
</file>

<file path=ppt/theme/theme1.xml><?xml version="1.0" encoding="utf-8"?>
<a:theme xmlns:a="http://schemas.openxmlformats.org/drawingml/2006/main" name="1_Office Theme">
  <a:themeElements>
    <a:clrScheme name="Non-Personal Banking ">
      <a:dk1>
        <a:srgbClr val="333333"/>
      </a:dk1>
      <a:lt1>
        <a:srgbClr val="FFFFFF"/>
      </a:lt1>
      <a:dk2>
        <a:srgbClr val="EC111A"/>
      </a:dk2>
      <a:lt2>
        <a:srgbClr val="FFFFFF"/>
      </a:lt2>
      <a:accent1>
        <a:srgbClr val="8D4458"/>
      </a:accent1>
      <a:accent2>
        <a:srgbClr val="A35028"/>
      </a:accent2>
      <a:accent3>
        <a:srgbClr val="533C5E"/>
      </a:accent3>
      <a:accent4>
        <a:srgbClr val="33493E"/>
      </a:accent4>
      <a:accent5>
        <a:srgbClr val="233E5B"/>
      </a:accent5>
      <a:accent6>
        <a:srgbClr val="936F41"/>
      </a:accent6>
      <a:hlink>
        <a:srgbClr val="0563C1"/>
      </a:hlink>
      <a:folHlink>
        <a:srgbClr val="954F72"/>
      </a:folHlink>
    </a:clrScheme>
    <a:fontScheme name="Custom 1">
      <a:majorFont>
        <a:latin typeface="Scotia Light"/>
        <a:ea typeface="Helvetica"/>
        <a:cs typeface="Helvetica"/>
      </a:majorFont>
      <a:minorFont>
        <a:latin typeface="Scotia Light"/>
        <a:ea typeface="Helvetica"/>
        <a:cs typeface="Helvetica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txDef>
      <a:spPr>
        <a:ln w="12700">
          <a:miter lim="400000"/>
        </a:ln>
        <a:extLst>
          <a:ext uri="{C572A759-6A51-4108-AA02-DFA0A04FC94B}">
            <ma14:wrappingTextBoxFlag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val="1"/>
          </a:ext>
        </a:extLst>
      </a:spPr>
      <a:bodyPr wrap="square" lIns="0" tIns="0" rIns="0" bIns="0" anchor="t">
        <a:spAutoFit/>
      </a:bodyPr>
      <a:lstStyle>
        <a:defPPr algn="l">
          <a:lnSpc>
            <a:spcPct val="150000"/>
          </a:lnSpc>
          <a:buClr>
            <a:schemeClr val="accent5"/>
          </a:buClr>
          <a:buSzPct val="80000"/>
          <a:defRPr sz="2800" dirty="0">
            <a:latin typeface="Scotia" panose="020B0503020203020204" pitchFamily="34" charset="0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NPBB deck template v1" id="{00B3E686-ECEC-4D44-866B-614F184DCD40}" vid="{A456C361-EFE7-CC4A-803E-D6B429D8C518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7063</TotalTime>
  <Words>2431</Words>
  <Application>Microsoft Office PowerPoint</Application>
  <PresentationFormat>Custom</PresentationFormat>
  <Paragraphs>838</Paragraphs>
  <Slides>14</Slides>
  <Notes>14</Notes>
  <HiddenSlides>0</HiddenSlides>
  <MMClips>0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4</vt:i4>
      </vt:variant>
    </vt:vector>
  </HeadingPairs>
  <TitlesOfParts>
    <vt:vector size="25" baseType="lpstr">
      <vt:lpstr>Gilroy</vt:lpstr>
      <vt:lpstr>Gotham</vt:lpstr>
      <vt:lpstr>Scotia</vt:lpstr>
      <vt:lpstr>Scotia Headline</vt:lpstr>
      <vt:lpstr>Scotia Light</vt:lpstr>
      <vt:lpstr>Scotia Regular</vt:lpstr>
      <vt:lpstr>Arial</vt:lpstr>
      <vt:lpstr>Calibri</vt:lpstr>
      <vt:lpstr>Symbol</vt:lpstr>
      <vt:lpstr>Wingdings</vt:lpstr>
      <vt:lpstr>1_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Microsoft Office User</dc:creator>
  <cp:lastModifiedBy>Clare Ruan</cp:lastModifiedBy>
  <cp:revision>2035</cp:revision>
  <dcterms:created xsi:type="dcterms:W3CDTF">2019-05-24T15:00:58Z</dcterms:created>
  <dcterms:modified xsi:type="dcterms:W3CDTF">2023-02-01T23:53:36Z</dcterms:modified>
</cp:coreProperties>
</file>